
<file path=[Content_Types].xml><?xml version="1.0" encoding="utf-8"?>
<Types xmlns="http://schemas.openxmlformats.org/package/2006/content-types">
  <Default Extension="bin" ContentType="application/vnd.openxmlformats-officedocument.spreadsheetml.printerSettings"/>
  <Default Extension="tmp"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1_医療整備グループ\01_地域医療\06_外国人患者受入拠点医療機関及び検討会関係★\01_選出関係★\02_関係団体等発出通知★\18_R1.1.00_発出通知（令和5年第２回選出分報告）\起案\"/>
    </mc:Choice>
  </mc:AlternateContent>
  <bookViews>
    <workbookView xWindow="0" yWindow="0" windowWidth="23040" windowHeight="9360"/>
  </bookViews>
  <sheets>
    <sheet name="14.神奈川県 " sheetId="1" r:id="rId1"/>
    <sheet name="対応言語略称の案内" sheetId="2" r:id="rId2"/>
  </sheets>
  <externalReferences>
    <externalReference r:id="rId3"/>
  </externalReferences>
  <definedNames>
    <definedName name="_xlnm._FilterDatabase" localSheetId="0" hidden="1">'14.神奈川県 '!$A$7:$AO$85</definedName>
    <definedName name="_Key1" localSheetId="0" hidden="1">#REF!</definedName>
    <definedName name="_Key1" hidden="1">#REF!</definedName>
    <definedName name="_Order1" hidden="1">255</definedName>
    <definedName name="_Order2" hidden="1">0</definedName>
    <definedName name="_Parse_Out" localSheetId="0" hidden="1">#REF!</definedName>
    <definedName name="_Parse_Out" hidden="1">#REF!</definedName>
    <definedName name="_Sort" localSheetId="0" hidden="1">#REF!</definedName>
    <definedName name="_Sort" hidden="1">#REF!</definedName>
    <definedName name="a" localSheetId="0" hidden="1">#REF!</definedName>
    <definedName name="a" hidden="1">#REF!</definedName>
    <definedName name="Aptx" localSheetId="0" hidden="1">#REF!</definedName>
    <definedName name="Aptx" hidden="1">#REF!</definedName>
    <definedName name="hensyu" localSheetId="0" hidden="1">#REF!</definedName>
    <definedName name="hensyu" hidden="1">#REF!</definedName>
    <definedName name="HTML1_1" hidden="1">"'[４.xls]Sheet1'!$A$3:$J$41"</definedName>
    <definedName name="HTML1_10" hidden="1">""</definedName>
    <definedName name="HTML1_11" hidden="1">1</definedName>
    <definedName name="HTML1_12" hidden="1">"C:\My Documents\MyHTML.htm"</definedName>
    <definedName name="HTML1_2" hidden="1">1</definedName>
    <definedName name="HTML1_3" hidden="1">"４."</definedName>
    <definedName name="HTML1_4" hidden="1">"Sheet1"</definedName>
    <definedName name="HTML1_5" hidden="1">""</definedName>
    <definedName name="HTML1_6" hidden="1">-4146</definedName>
    <definedName name="HTML1_7" hidden="1">-4146</definedName>
    <definedName name="HTML1_8" hidden="1">"96/07/11"</definedName>
    <definedName name="HTML1_9" hidden="1">"統計管理課"</definedName>
    <definedName name="HTML2_1" hidden="1">"'[４.xls]Sheet2'!$A$1:$J$25"</definedName>
    <definedName name="HTML2_10" hidden="1">""</definedName>
    <definedName name="HTML2_11" hidden="1">1</definedName>
    <definedName name="HTML2_12" hidden="1">"C:\My Documents\MyHTML.htm"</definedName>
    <definedName name="HTML2_2" hidden="1">1</definedName>
    <definedName name="HTML2_3" hidden="1">"４."</definedName>
    <definedName name="HTML2_4" hidden="1">"Sheet2"</definedName>
    <definedName name="HTML2_5" hidden="1">""</definedName>
    <definedName name="HTML2_6" hidden="1">-4146</definedName>
    <definedName name="HTML2_7" hidden="1">-4146</definedName>
    <definedName name="HTML2_8" hidden="1">"96/07/11"</definedName>
    <definedName name="HTML2_9" hidden="1">"統計管理課"</definedName>
    <definedName name="HTMLCount" hidden="1">2</definedName>
    <definedName name="part_2" localSheetId="0" hidden="1">#REF!</definedName>
    <definedName name="part_2" hidden="1">#REF!</definedName>
    <definedName name="part_3" hidden="1">#REF!</definedName>
    <definedName name="_xlnm.Print_Titles" localSheetId="0">'14.神奈川県 '!$A:$E,'14.神奈川県 '!$1:$7</definedName>
    <definedName name="あ" localSheetId="0" hidden="1">#REF!</definedName>
    <definedName name="あ" hidden="1">#REF!</definedName>
    <definedName name="こ" localSheetId="0" hidden="1">#REF!</definedName>
    <definedName name="こ" hidden="1">#REF!</definedName>
    <definedName name="リスト" localSheetId="0">#REF!</definedName>
    <definedName name="リスト">#REF!</definedName>
    <definedName name="愛知県23" localSheetId="0">#REF!</definedName>
    <definedName name="愛知県23">#REF!</definedName>
    <definedName name="愛媛県38" localSheetId="0">#REF!</definedName>
    <definedName name="愛媛県38">#REF!</definedName>
    <definedName name="茨城県08" localSheetId="0">#REF!</definedName>
    <definedName name="茨城県08">#REF!</definedName>
    <definedName name="岡山県33" localSheetId="0">#REF!</definedName>
    <definedName name="岡山県33">#REF!</definedName>
    <definedName name="岡山県34">#REF!</definedName>
    <definedName name="沖縄県47" localSheetId="0">#REF!</definedName>
    <definedName name="沖縄県47">#REF!</definedName>
    <definedName name="岩手県03" localSheetId="0">#REF!</definedName>
    <definedName name="岩手県03">#REF!</definedName>
    <definedName name="岐阜県21" localSheetId="0">#REF!</definedName>
    <definedName name="岐阜県21">#REF!</definedName>
    <definedName name="宮崎県45" localSheetId="0">#REF!</definedName>
    <definedName name="宮崎県45">#REF!</definedName>
    <definedName name="宮城県04" localSheetId="0">#REF!</definedName>
    <definedName name="宮城県04">#REF!</definedName>
    <definedName name="京都府26" localSheetId="0">#REF!</definedName>
    <definedName name="京都府26">#REF!</definedName>
    <definedName name="熊本県43" localSheetId="0">#REF!</definedName>
    <definedName name="熊本県43">#REF!</definedName>
    <definedName name="群馬県10" localSheetId="0">#REF!</definedName>
    <definedName name="群馬県10">#REF!</definedName>
    <definedName name="広島県34" localSheetId="0">#REF!</definedName>
    <definedName name="広島県34">#REF!</definedName>
    <definedName name="香川県37" localSheetId="0">#REF!</definedName>
    <definedName name="香川県37">#REF!</definedName>
    <definedName name="高知県39" localSheetId="0">#REF!</definedName>
    <definedName name="高知県39">#REF!</definedName>
    <definedName name="佐賀県41" localSheetId="0">#REF!</definedName>
    <definedName name="佐賀県41">#REF!</definedName>
    <definedName name="埼玉県11" localSheetId="0">#REF!</definedName>
    <definedName name="埼玉県11">#REF!</definedName>
    <definedName name="三重県24" localSheetId="0">#REF!</definedName>
    <definedName name="三重県24">#REF!</definedName>
    <definedName name="山形県06" localSheetId="0">#REF!</definedName>
    <definedName name="山形県06">#REF!</definedName>
    <definedName name="山口県35" localSheetId="0">#REF!</definedName>
    <definedName name="山口県35">#REF!</definedName>
    <definedName name="山梨県19" localSheetId="0">#REF!</definedName>
    <definedName name="山梨県19">#REF!</definedName>
    <definedName name="滋賀県25" localSheetId="0">#REF!</definedName>
    <definedName name="滋賀県25">#REF!</definedName>
    <definedName name="鹿児島県46" localSheetId="0">#REF!</definedName>
    <definedName name="鹿児島県46">#REF!</definedName>
    <definedName name="秋田県05" localSheetId="0">#REF!</definedName>
    <definedName name="秋田県05">#REF!</definedName>
    <definedName name="新潟県15" localSheetId="0">#REF!</definedName>
    <definedName name="新潟県15">#REF!</definedName>
    <definedName name="神奈川県14" localSheetId="0">#REF!</definedName>
    <definedName name="神奈川県14">#REF!</definedName>
    <definedName name="青森県02" localSheetId="0">#REF!</definedName>
    <definedName name="青森県02">#REF!</definedName>
    <definedName name="静岡県22" localSheetId="0">#REF!</definedName>
    <definedName name="静岡県22">#REF!</definedName>
    <definedName name="石川県17" localSheetId="0">#REF!</definedName>
    <definedName name="石川県17">#REF!</definedName>
    <definedName name="千葉県12" localSheetId="0">#REF!</definedName>
    <definedName name="千葉県12">#REF!</definedName>
    <definedName name="大阪府27" localSheetId="0">#REF!</definedName>
    <definedName name="大阪府27">#REF!</definedName>
    <definedName name="大分県44" localSheetId="0">#REF!</definedName>
    <definedName name="大分県44">#REF!</definedName>
    <definedName name="長崎県42" localSheetId="0">#REF!</definedName>
    <definedName name="長崎県42">#REF!</definedName>
    <definedName name="長野県20" localSheetId="0">#REF!</definedName>
    <definedName name="長野県20">#REF!</definedName>
    <definedName name="鳥取県31" localSheetId="0">#REF!</definedName>
    <definedName name="鳥取県31">#REF!</definedName>
    <definedName name="都道府県コード">[1]コード!$A$1:$AU$1</definedName>
    <definedName name="島根県32" localSheetId="0">#REF!</definedName>
    <definedName name="島根県32">#REF!</definedName>
    <definedName name="東京都13" localSheetId="0">#REF!</definedName>
    <definedName name="東京都13">#REF!</definedName>
    <definedName name="徳島県36" localSheetId="0">#REF!</definedName>
    <definedName name="徳島県36">#REF!</definedName>
    <definedName name="栃木県09" localSheetId="0">#REF!</definedName>
    <definedName name="栃木県09">#REF!</definedName>
    <definedName name="奈良県29" localSheetId="0">#REF!</definedName>
    <definedName name="奈良県29">#REF!</definedName>
    <definedName name="富山県16" localSheetId="0">#REF!</definedName>
    <definedName name="富山県16">#REF!</definedName>
    <definedName name="福井県18" localSheetId="0">#REF!</definedName>
    <definedName name="福井県18">#REF!</definedName>
    <definedName name="福岡県40" localSheetId="0">#REF!</definedName>
    <definedName name="福岡県40">#REF!</definedName>
    <definedName name="福島県07" localSheetId="0">#REF!</definedName>
    <definedName name="福島県07">#REF!</definedName>
    <definedName name="兵庫県28" localSheetId="0">#REF!</definedName>
    <definedName name="兵庫県28">#REF!</definedName>
    <definedName name="北海道01" localSheetId="0">#REF!</definedName>
    <definedName name="北海道01">#REF!</definedName>
    <definedName name="和歌山県30" localSheetId="0">#REF!</definedName>
    <definedName name="和歌山県30">#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17" i="1" l="1"/>
  <c r="G4" i="1" l="1"/>
</calcChain>
</file>

<file path=xl/sharedStrings.xml><?xml version="1.0" encoding="utf-8"?>
<sst xmlns="http://schemas.openxmlformats.org/spreadsheetml/2006/main" count="1750" uniqueCount="1149">
  <si>
    <t>医療機関</t>
  </si>
  <si>
    <t>医療機関(英語)</t>
  </si>
  <si>
    <t>郵便番号</t>
  </si>
  <si>
    <t>住所</t>
  </si>
  <si>
    <t>住所
(英語)</t>
    <phoneticPr fontId="6"/>
  </si>
  <si>
    <t>電話番号</t>
  </si>
  <si>
    <t>受付時間</t>
  </si>
  <si>
    <t>WEBサイト</t>
  </si>
  <si>
    <t>利用可能なクレジットカード</t>
  </si>
  <si>
    <t>その他利用可能なキャッシュレスサービス</t>
    <rPh sb="2" eb="3">
      <t>タ</t>
    </rPh>
    <rPh sb="3" eb="5">
      <t>リヨウ</t>
    </rPh>
    <rPh sb="5" eb="7">
      <t>カノウ</t>
    </rPh>
    <phoneticPr fontId="7"/>
  </si>
  <si>
    <t>２４時間３６５日対応可否</t>
  </si>
  <si>
    <t>災害拠点病院</t>
  </si>
  <si>
    <t>外国人受入環境整備事業の対象医療機関</t>
  </si>
  <si>
    <t>JMIP</t>
  </si>
  <si>
    <t>JIH</t>
  </si>
  <si>
    <t>医療機関種別</t>
  </si>
  <si>
    <t>救急医療体制</t>
    <phoneticPr fontId="8"/>
  </si>
  <si>
    <t>外国人患者対応の専門部署</t>
  </si>
  <si>
    <t>対応言語/対応可能日時</t>
  </si>
  <si>
    <t xml:space="preserve"> 外国人向け医療コーディネーター</t>
  </si>
  <si>
    <t>医療通訳者</t>
  </si>
  <si>
    <t>遠隔通訳</t>
  </si>
  <si>
    <t>その他の言語サポート</t>
  </si>
  <si>
    <t>医療法人社団彩新会ＫＳＰクリニック</t>
    <phoneticPr fontId="9"/>
  </si>
  <si>
    <t>Saishinkai　KSP Clinic</t>
  </si>
  <si>
    <t>213-0012</t>
  </si>
  <si>
    <t>神奈川県川崎市高津区坂戸3-2-1　かながわサイエンスパーク西棟５F</t>
    <rPh sb="0" eb="4">
      <t>カナガワケン</t>
    </rPh>
    <rPh sb="4" eb="7">
      <t>カワサキシ</t>
    </rPh>
    <rPh sb="7" eb="10">
      <t>タカツク</t>
    </rPh>
    <rPh sb="10" eb="12">
      <t>サカド</t>
    </rPh>
    <rPh sb="30" eb="31">
      <t>ニシ</t>
    </rPh>
    <rPh sb="31" eb="32">
      <t>トウ</t>
    </rPh>
    <phoneticPr fontId="9"/>
  </si>
  <si>
    <t>Kanagawa Science Park West 5th FL,3-2-1, Sakato, Takatsu-ku, Kawasaki-shi,Kanagawa,213-0012</t>
  </si>
  <si>
    <t>03-3713-0971
英語：月、火、木、金
中国語：　水　午後</t>
    <rPh sb="13" eb="15">
      <t>エイゴ</t>
    </rPh>
    <rPh sb="16" eb="17">
      <t>ゲツ</t>
    </rPh>
    <rPh sb="18" eb="19">
      <t>カ</t>
    </rPh>
    <rPh sb="20" eb="21">
      <t>モク</t>
    </rPh>
    <rPh sb="22" eb="23">
      <t>キン</t>
    </rPh>
    <rPh sb="24" eb="27">
      <t>チュウゴクゴ</t>
    </rPh>
    <rPh sb="29" eb="30">
      <t>スイ</t>
    </rPh>
    <rPh sb="31" eb="33">
      <t>ゴゴ</t>
    </rPh>
    <phoneticPr fontId="9"/>
  </si>
  <si>
    <t>（月-金）9:00-12:30、14:00-17:30
（第1,2,3土）9:00-11:30</t>
    <rPh sb="1" eb="2">
      <t>ゲツ</t>
    </rPh>
    <rPh sb="3" eb="4">
      <t>キン</t>
    </rPh>
    <rPh sb="29" eb="30">
      <t>ダイ</t>
    </rPh>
    <rPh sb="35" eb="36">
      <t>ド</t>
    </rPh>
    <phoneticPr fontId="9"/>
  </si>
  <si>
    <t>http://www.saishinkai.com/ksp/</t>
  </si>
  <si>
    <t xml:space="preserve">内科：EN、ZH/外科：EN/消化器科：EN、ZH
</t>
    <phoneticPr fontId="9"/>
  </si>
  <si>
    <t>VISA、MASTER、AMEX、JCB、中国銀聯</t>
  </si>
  <si>
    <t>診療所</t>
    <rPh sb="0" eb="3">
      <t>シンリョウジョ</t>
    </rPh>
    <phoneticPr fontId="9"/>
  </si>
  <si>
    <t>○</t>
  </si>
  <si>
    <t xml:space="preserve">【対応言語・対応時間】
月・水（ZH）　9:00-13:00
火（EN）14:00-18:00 
金・土（EN）　9:00-12:00
</t>
    <rPh sb="6" eb="8">
      <t>タイオウ</t>
    </rPh>
    <rPh sb="8" eb="10">
      <t>ジカン</t>
    </rPh>
    <phoneticPr fontId="8"/>
  </si>
  <si>
    <t>医療法人社団東方会東方医院</t>
    <phoneticPr fontId="9"/>
  </si>
  <si>
    <t>EASTERN HOSPITAL</t>
  </si>
  <si>
    <t>216-0077</t>
  </si>
  <si>
    <t>神奈川県川崎市宮前区小台2-6-ラポール宮前平3F</t>
    <rPh sb="0" eb="4">
      <t>カナガワケン</t>
    </rPh>
    <rPh sb="4" eb="7">
      <t>カワサキシ</t>
    </rPh>
    <rPh sb="7" eb="10">
      <t>ミヤマエク</t>
    </rPh>
    <rPh sb="10" eb="12">
      <t>コダイ</t>
    </rPh>
    <rPh sb="20" eb="23">
      <t>ミヤマエダイラ</t>
    </rPh>
    <phoneticPr fontId="9"/>
  </si>
  <si>
    <t>2-6-2-3F, Kodai, Miyamae-ku, Kawasaki-shi,Kanagawa,216-0077</t>
  </si>
  <si>
    <t>044-888-2137</t>
  </si>
  <si>
    <t>（月火木金）9:30-12:00、15:00-18:30
（土）9:30-12:30</t>
    <rPh sb="1" eb="2">
      <t>ゲツ</t>
    </rPh>
    <rPh sb="2" eb="3">
      <t>カ</t>
    </rPh>
    <rPh sb="3" eb="5">
      <t>モクキン</t>
    </rPh>
    <phoneticPr fontId="9"/>
  </si>
  <si>
    <t>http://tohoclinic.com/</t>
    <rPh sb="0" eb="1">
      <t>ゲツ</t>
    </rPh>
    <rPh sb="1" eb="2">
      <t>ヒ</t>
    </rPh>
    <rPh sb="2" eb="3">
      <t>キ</t>
    </rPh>
    <rPh sb="3" eb="4">
      <t>キン</t>
    </rPh>
    <rPh sb="16" eb="19">
      <t>ドヨウビ</t>
    </rPh>
    <phoneticPr fontId="9"/>
  </si>
  <si>
    <t>利用不可</t>
    <phoneticPr fontId="8"/>
  </si>
  <si>
    <t>【対応言語】ZH　　　　　　　　　　　　　　　　　　　　　　　　　　　　　　　【対応時間】
（月・火・木・金）9:30-12:00、15:00-18:30　　　　　　　　（土）9:30-12:30</t>
    <rPh sb="1" eb="3">
      <t>タイオウ</t>
    </rPh>
    <rPh sb="3" eb="5">
      <t>ゲンゴ</t>
    </rPh>
    <rPh sb="40" eb="42">
      <t>タイオウ</t>
    </rPh>
    <rPh sb="42" eb="44">
      <t>ジカン</t>
    </rPh>
    <rPh sb="47" eb="48">
      <t>ゲツ</t>
    </rPh>
    <rPh sb="49" eb="50">
      <t>カ</t>
    </rPh>
    <rPh sb="51" eb="52">
      <t>キ</t>
    </rPh>
    <rPh sb="53" eb="54">
      <t>キン</t>
    </rPh>
    <rPh sb="86" eb="87">
      <t>ツチ</t>
    </rPh>
    <phoneticPr fontId="9"/>
  </si>
  <si>
    <t>【対応言語】ZH　　　　　　　　　　　　　　　　　　　　　　　　　　　　　　　【対応時間】
（月・火・木・金）9:30-12:00、15:00-18:30　　　　　　　　
（土）9:30-12:30</t>
  </si>
  <si>
    <t>翻訳機（ポケトーク）を使用</t>
    <phoneticPr fontId="8"/>
  </si>
  <si>
    <t>聖マリアンナ医科大学病院</t>
    <phoneticPr fontId="9"/>
  </si>
  <si>
    <t>216-8511</t>
  </si>
  <si>
    <t>神奈川県川崎市宮前区菅生2-16-1　</t>
    <rPh sb="0" eb="3">
      <t>カナガワ</t>
    </rPh>
    <rPh sb="3" eb="12">
      <t>ケンカワサキシミヤマエクスガオ</t>
    </rPh>
    <phoneticPr fontId="9"/>
  </si>
  <si>
    <t>2-16-1, Sugao, Miyamae-Ku, Kawasaki-shi, Kanagawa,216-8511</t>
  </si>
  <si>
    <t>044-977-8111</t>
  </si>
  <si>
    <t>（月-土）:8:30-11:00
　　　　　 救急外来24時間対応
（土日・祝日）
　　　　　 救急外来24時間対応</t>
    <rPh sb="3" eb="4">
      <t>ド</t>
    </rPh>
    <rPh sb="23" eb="25">
      <t>キュウキュウ</t>
    </rPh>
    <rPh sb="25" eb="27">
      <t>ガイライ</t>
    </rPh>
    <rPh sb="29" eb="31">
      <t>ジカン</t>
    </rPh>
    <rPh sb="31" eb="33">
      <t>タイオウ</t>
    </rPh>
    <rPh sb="35" eb="37">
      <t>ドニチ</t>
    </rPh>
    <rPh sb="38" eb="40">
      <t>シュクジツ</t>
    </rPh>
    <phoneticPr fontId="9"/>
  </si>
  <si>
    <t>http://www.marianna-u.ac.jp/hospital/ (日本語)</t>
  </si>
  <si>
    <t>VISA、MASTER、AMEX、JCB、UC、Diners、J-Debit、中国銀聯</t>
  </si>
  <si>
    <t>病院</t>
    <phoneticPr fontId="6"/>
  </si>
  <si>
    <t>第三次救急医療機関（救命救急センター）</t>
    <rPh sb="0" eb="3">
      <t>ダイサンジ</t>
    </rPh>
    <rPh sb="3" eb="5">
      <t>キュウキュウ</t>
    </rPh>
    <rPh sb="5" eb="7">
      <t>イリョウ</t>
    </rPh>
    <rPh sb="7" eb="9">
      <t>キカン</t>
    </rPh>
    <rPh sb="10" eb="12">
      <t>キュウメイ</t>
    </rPh>
    <rPh sb="12" eb="14">
      <t>キュウキュウ</t>
    </rPh>
    <phoneticPr fontId="9"/>
  </si>
  <si>
    <t>【対応言語】EN
【対応時間】
（月-土）:8:30-11:00
　　救急外来24時間対応
（土・日・祝日）救急外来24時間対応</t>
    <rPh sb="1" eb="3">
      <t>タイオウ</t>
    </rPh>
    <rPh sb="3" eb="5">
      <t>ゲンゴ</t>
    </rPh>
    <rPh sb="10" eb="12">
      <t>タイオウ</t>
    </rPh>
    <rPh sb="12" eb="14">
      <t>ジカン</t>
    </rPh>
    <rPh sb="19" eb="20">
      <t>ド</t>
    </rPh>
    <rPh sb="35" eb="37">
      <t>キュウキュウ</t>
    </rPh>
    <rPh sb="37" eb="39">
      <t>ガイライ</t>
    </rPh>
    <rPh sb="41" eb="43">
      <t>ジカン</t>
    </rPh>
    <rPh sb="43" eb="45">
      <t>タイオウ</t>
    </rPh>
    <rPh sb="47" eb="48">
      <t>ツチ</t>
    </rPh>
    <rPh sb="49" eb="50">
      <t>ニチ</t>
    </rPh>
    <rPh sb="51" eb="53">
      <t>シュクジツ</t>
    </rPh>
    <phoneticPr fontId="6"/>
  </si>
  <si>
    <t xml:space="preserve">【対応言語】
EN/ZH
【対応時間】
要問合せ
≪ＭＩＣかながわ医療通訳≫
【対応言語】
ZH/KO/TL/PT/ES/EN/TH/VI/LO/RU/FR/NE/カンボジア語
【対応時間】
原則　平日の8:3０-17:００
</t>
    <rPh sb="1" eb="3">
      <t>タイオウ</t>
    </rPh>
    <rPh sb="3" eb="5">
      <t>ゲンゴ</t>
    </rPh>
    <rPh sb="14" eb="16">
      <t>タイオウ</t>
    </rPh>
    <rPh sb="16" eb="18">
      <t>ジカン</t>
    </rPh>
    <rPh sb="20" eb="21">
      <t>ヨウ</t>
    </rPh>
    <rPh sb="21" eb="23">
      <t>トイアワ</t>
    </rPh>
    <phoneticPr fontId="9"/>
  </si>
  <si>
    <t>≪みえる通訳≫
【対応言語】多数</t>
    <rPh sb="4" eb="6">
      <t>ツウヤク</t>
    </rPh>
    <rPh sb="9" eb="11">
      <t>タイオウ</t>
    </rPh>
    <rPh sb="11" eb="13">
      <t>ゲンゴ</t>
    </rPh>
    <rPh sb="14" eb="16">
      <t>タスウ</t>
    </rPh>
    <phoneticPr fontId="9"/>
  </si>
  <si>
    <t>いずみ泌尿器科皮フ科</t>
    <rPh sb="3" eb="7">
      <t>ヒニョウキカ</t>
    </rPh>
    <rPh sb="7" eb="8">
      <t>カワ</t>
    </rPh>
    <rPh sb="9" eb="10">
      <t>カ</t>
    </rPh>
    <phoneticPr fontId="9"/>
  </si>
  <si>
    <t>Izumi Urology Dermatology Clinic</t>
    <phoneticPr fontId="6"/>
  </si>
  <si>
    <t>213－0022</t>
    <phoneticPr fontId="6"/>
  </si>
  <si>
    <t>神奈川県川崎市高津区千年301－1－グランドコスモ千歳203</t>
    <rPh sb="0" eb="7">
      <t>カナガワケンカワサキシ</t>
    </rPh>
    <rPh sb="7" eb="10">
      <t>タカツク</t>
    </rPh>
    <rPh sb="10" eb="12">
      <t>チトセ</t>
    </rPh>
    <rPh sb="25" eb="27">
      <t>チトセ</t>
    </rPh>
    <phoneticPr fontId="9"/>
  </si>
  <si>
    <t>301－1－203 ,Ｃhitose, Takatu-ku,Kawasaki-shi,Kanagawa,213-0022</t>
    <phoneticPr fontId="6"/>
  </si>
  <si>
    <t>044-751-7100</t>
    <phoneticPr fontId="6"/>
  </si>
  <si>
    <t>（月・水・金）11:00-12:00、14:30-15:30
（土）13:30-15:30
※予約制</t>
    <rPh sb="1" eb="2">
      <t>ゲツ</t>
    </rPh>
    <rPh sb="3" eb="4">
      <t>スイ</t>
    </rPh>
    <rPh sb="5" eb="6">
      <t>キン</t>
    </rPh>
    <rPh sb="32" eb="33">
      <t>ツチ</t>
    </rPh>
    <rPh sb="47" eb="50">
      <t>ヨヤクセイ</t>
    </rPh>
    <phoneticPr fontId="9"/>
  </si>
  <si>
    <t>www.izumi-hinyouki.jp</t>
    <phoneticPr fontId="6"/>
  </si>
  <si>
    <t>診療所</t>
    <rPh sb="0" eb="3">
      <t>シンリョウジョ</t>
    </rPh>
    <phoneticPr fontId="6"/>
  </si>
  <si>
    <t>【対応言語】EN
【対応時間】
（月・水・金）11:00-12:00、14:30-15:30
（土）13:30-15:30</t>
    <rPh sb="1" eb="3">
      <t>タイオウ</t>
    </rPh>
    <rPh sb="3" eb="5">
      <t>ゲンゴ</t>
    </rPh>
    <rPh sb="10" eb="12">
      <t>タイオウ</t>
    </rPh>
    <rPh sb="12" eb="14">
      <t>ジカン</t>
    </rPh>
    <phoneticPr fontId="8"/>
  </si>
  <si>
    <t>要予約</t>
    <rPh sb="0" eb="1">
      <t>ヨウ</t>
    </rPh>
    <rPh sb="1" eb="3">
      <t>ヨヤク</t>
    </rPh>
    <phoneticPr fontId="8"/>
  </si>
  <si>
    <t>ジンデンタルクリニック・矯正歯科</t>
    <phoneticPr fontId="9"/>
  </si>
  <si>
    <t>Jindentalclinic and orthodontics office</t>
    <phoneticPr fontId="8"/>
  </si>
  <si>
    <t>210-0006</t>
  </si>
  <si>
    <t>神奈川県川崎市川崎区砂子2-1-14 2階</t>
    <rPh sb="0" eb="12">
      <t>カナガワケンカワサキシカワサキクイサゴ</t>
    </rPh>
    <rPh sb="20" eb="21">
      <t>カイ</t>
    </rPh>
    <phoneticPr fontId="9"/>
  </si>
  <si>
    <t>2F 14-1-2 isago kawasaki-ward  kawasaki-city Kanagawa-prefecture</t>
  </si>
  <si>
    <t>044-210-0019</t>
    <phoneticPr fontId="8"/>
  </si>
  <si>
    <t>（月・火・水・金・土）10:00-13:00、14:30-19:30　
木・日休診</t>
    <rPh sb="1" eb="2">
      <t>ゲツ</t>
    </rPh>
    <rPh sb="3" eb="4">
      <t>カ</t>
    </rPh>
    <rPh sb="5" eb="6">
      <t>スイ</t>
    </rPh>
    <rPh sb="7" eb="8">
      <t>キン</t>
    </rPh>
    <rPh sb="9" eb="10">
      <t>ド</t>
    </rPh>
    <rPh sb="36" eb="37">
      <t>モク</t>
    </rPh>
    <rPh sb="38" eb="39">
      <t>ニチ</t>
    </rPh>
    <rPh sb="39" eb="41">
      <t>キュウシン</t>
    </rPh>
    <phoneticPr fontId="9"/>
  </si>
  <si>
    <t>https://www.jin-dc.com/</t>
    <phoneticPr fontId="6"/>
  </si>
  <si>
    <t>VISA、MASTER、JCB、AMEX、DINERS</t>
  </si>
  <si>
    <t>PAYPAY,ALIPAY</t>
  </si>
  <si>
    <t>【対応言語】EN/KO
【対応時間】
（月・火・水・金・土）10:00-13:00、14:30-19:30　</t>
  </si>
  <si>
    <t>川崎市立川崎病院</t>
    <rPh sb="0" eb="4">
      <t>カワサキシリツ</t>
    </rPh>
    <rPh sb="4" eb="6">
      <t>カワサキ</t>
    </rPh>
    <rPh sb="6" eb="8">
      <t>ビョウイン</t>
    </rPh>
    <phoneticPr fontId="9"/>
  </si>
  <si>
    <t>Kawasaki Municipal Hospital</t>
  </si>
  <si>
    <t>210-0013</t>
    <phoneticPr fontId="8"/>
  </si>
  <si>
    <t>神奈川県川崎市川崎区新川通12-1</t>
    <rPh sb="0" eb="4">
      <t>カナガワケン</t>
    </rPh>
    <rPh sb="4" eb="7">
      <t>カワサキシ</t>
    </rPh>
    <rPh sb="7" eb="10">
      <t>カワサキク</t>
    </rPh>
    <rPh sb="10" eb="12">
      <t>シンカワ</t>
    </rPh>
    <rPh sb="12" eb="13">
      <t>トオ</t>
    </rPh>
    <phoneticPr fontId="9"/>
  </si>
  <si>
    <t>12-1,Shinkawadori,Kawasaki-ku,Kawasaki-shi,Kanagawa,234-0053</t>
  </si>
  <si>
    <t>044-233-5521</t>
  </si>
  <si>
    <t>（月-金）8:00-11:00
（土日・祝日）一般外来は休診。救急外来のみ。</t>
    <rPh sb="1" eb="2">
      <t>ゲツ</t>
    </rPh>
    <rPh sb="3" eb="4">
      <t>キン</t>
    </rPh>
    <rPh sb="17" eb="19">
      <t>ドニチ</t>
    </rPh>
    <rPh sb="20" eb="22">
      <t>シュクジツ</t>
    </rPh>
    <rPh sb="23" eb="25">
      <t>イッパン</t>
    </rPh>
    <rPh sb="25" eb="26">
      <t>ガイ</t>
    </rPh>
    <rPh sb="26" eb="27">
      <t>ライ</t>
    </rPh>
    <rPh sb="28" eb="30">
      <t>キュウシン</t>
    </rPh>
    <rPh sb="31" eb="33">
      <t>キュウキュウ</t>
    </rPh>
    <rPh sb="33" eb="34">
      <t>ガイ</t>
    </rPh>
    <rPh sb="34" eb="35">
      <t>ライ</t>
    </rPh>
    <phoneticPr fontId="9"/>
  </si>
  <si>
    <t>http://www.city.kawasaki.jp/32/cmsfiles/contents/0000037/37856/kawasaki/index.html</t>
  </si>
  <si>
    <t>VISA、MASTER、AMEX、Diners Club、JCB</t>
  </si>
  <si>
    <t>病院</t>
  </si>
  <si>
    <t>≪ＭＩＣかながわ医療通訳≫
【対応言語】
ZH/KO/TL/PT/ES/EN/TH/VI/LO/RU/FR/NE/カンボジア語
【対応時間】
原則　平日の8:3０-17:００</t>
    <rPh sb="8" eb="10">
      <t>イリョウ</t>
    </rPh>
    <rPh sb="10" eb="12">
      <t>ツウヤク</t>
    </rPh>
    <rPh sb="15" eb="17">
      <t>タイオウ</t>
    </rPh>
    <rPh sb="17" eb="19">
      <t>ゲンゴ</t>
    </rPh>
    <rPh sb="62" eb="63">
      <t>ゴ</t>
    </rPh>
    <rPh sb="65" eb="67">
      <t>タイオウ</t>
    </rPh>
    <rPh sb="67" eb="69">
      <t>ジカン</t>
    </rPh>
    <rPh sb="71" eb="73">
      <t>ゲンソク</t>
    </rPh>
    <rPh sb="74" eb="76">
      <t>ヘイジツ</t>
    </rPh>
    <phoneticPr fontId="8"/>
  </si>
  <si>
    <t>電話医療通訳
【対応言語】
EN/ZH/KO/VI/NE/TL/ES/PT/ID/IT/FR/DE/RU/TH/MS/KM/ミャンマー語</t>
    <rPh sb="0" eb="2">
      <t>デンワ</t>
    </rPh>
    <rPh sb="2" eb="4">
      <t>イリョウ</t>
    </rPh>
    <rPh sb="4" eb="6">
      <t>ツウヤク</t>
    </rPh>
    <rPh sb="8" eb="10">
      <t>タイオウ</t>
    </rPh>
    <rPh sb="10" eb="12">
      <t>ゲンゴ</t>
    </rPh>
    <rPh sb="67" eb="68">
      <t>ゴ</t>
    </rPh>
    <phoneticPr fontId="8"/>
  </si>
  <si>
    <t>ポケトークを配置、24時間対応</t>
    <rPh sb="6" eb="8">
      <t>ハイチ</t>
    </rPh>
    <rPh sb="11" eb="13">
      <t>ジカン</t>
    </rPh>
    <rPh sb="13" eb="15">
      <t>タイオウ</t>
    </rPh>
    <phoneticPr fontId="8"/>
  </si>
  <si>
    <t>さくら中央クリニック</t>
    <phoneticPr fontId="9"/>
  </si>
  <si>
    <t>Sakura Central Clinic</t>
  </si>
  <si>
    <t>210-0817</t>
  </si>
  <si>
    <t>神奈川県川崎市川崎区大師本町9-11 CNCビル　1F</t>
    <phoneticPr fontId="9"/>
  </si>
  <si>
    <t>9-11, Daishihonchyo, Kawasaki-ku, Kawasaki-shi, Kanagawa,210-0817</t>
  </si>
  <si>
    <t>044-201-7721</t>
  </si>
  <si>
    <t>（月・火・木・金）9:00-12:00、15:00-18:00 
（土）9:00-12:00</t>
    <phoneticPr fontId="9"/>
  </si>
  <si>
    <t xml:space="preserve">http://www.est.hi-ho.ne.jp/sakura-cl/(日本語） </t>
  </si>
  <si>
    <t>【対応言語】EN
【対応時間】
月/火/木/金:9:00-12:00,15:00-18:00 
土:9:00-12:00</t>
    <rPh sb="1" eb="3">
      <t>タイオウ</t>
    </rPh>
    <rPh sb="3" eb="5">
      <t>ゲンゴ</t>
    </rPh>
    <rPh sb="10" eb="12">
      <t>タイオウ</t>
    </rPh>
    <rPh sb="12" eb="14">
      <t>ジカン</t>
    </rPh>
    <phoneticPr fontId="8"/>
  </si>
  <si>
    <t>【対応言語】EN
【対応可能日時】24時間</t>
    <rPh sb="1" eb="3">
      <t>タイオウ</t>
    </rPh>
    <rPh sb="3" eb="5">
      <t>ゲンゴ</t>
    </rPh>
    <rPh sb="10" eb="12">
      <t>タイオウ</t>
    </rPh>
    <rPh sb="12" eb="14">
      <t>カノウ</t>
    </rPh>
    <rPh sb="14" eb="16">
      <t>ニチジ</t>
    </rPh>
    <phoneticPr fontId="8"/>
  </si>
  <si>
    <t>google 翻訳機能に対応する全言語の筆談、一部会話聴取、説明可能（対面診療可能時間のみ）</t>
    <phoneticPr fontId="8"/>
  </si>
  <si>
    <t>横須賀市立うわまち病院</t>
    <rPh sb="0" eb="5">
      <t>ヨコスカシリツ</t>
    </rPh>
    <rPh sb="9" eb="11">
      <t>ビョウイン</t>
    </rPh>
    <phoneticPr fontId="9"/>
  </si>
  <si>
    <t>Yokosuka
General Hospital
UWAMACHI</t>
  </si>
  <si>
    <t>238-8567</t>
  </si>
  <si>
    <t>神奈川県横須賀市上町2-36</t>
    <rPh sb="0" eb="4">
      <t>カナガワケン</t>
    </rPh>
    <rPh sb="4" eb="8">
      <t>ヨコスカシ</t>
    </rPh>
    <rPh sb="8" eb="10">
      <t>ウワマチ</t>
    </rPh>
    <phoneticPr fontId="9"/>
  </si>
  <si>
    <t>2-36,Uwamachi,Yokosuka-shi,Kanagawa,238-8567</t>
  </si>
  <si>
    <t>046-823-2630</t>
  </si>
  <si>
    <t>（月-金）08:30-11:30、13:30-15:30
（土）08:30-11:30
（日・祝日・時間外）救急外来24時間対応</t>
    <rPh sb="1" eb="2">
      <t>ゲツ</t>
    </rPh>
    <rPh sb="3" eb="4">
      <t>キン</t>
    </rPh>
    <rPh sb="30" eb="31">
      <t>ド</t>
    </rPh>
    <rPh sb="45" eb="46">
      <t>ニチ</t>
    </rPh>
    <rPh sb="47" eb="49">
      <t>シュクジツ</t>
    </rPh>
    <rPh sb="50" eb="53">
      <t>ジカンガイ</t>
    </rPh>
    <rPh sb="54" eb="56">
      <t>キュウキュウ</t>
    </rPh>
    <rPh sb="56" eb="58">
      <t>ガイライ</t>
    </rPh>
    <rPh sb="60" eb="62">
      <t>ジカン</t>
    </rPh>
    <rPh sb="62" eb="64">
      <t>タイオウ</t>
    </rPh>
    <phoneticPr fontId="9"/>
  </si>
  <si>
    <t>https://www.jadecomhp-uwamachi.jp/</t>
  </si>
  <si>
    <t>JCB、AMERICAN EXPRESS、VISA、MASTER、UFJcard、NICOS、Diners Ciub</t>
    <phoneticPr fontId="8"/>
  </si>
  <si>
    <t>デビッドカード</t>
  </si>
  <si>
    <t>【対応言語】EN
【対応時間】
（月-金）08:30-17:00
（土）08:30-12:30
≪電話医療通訳:メディフォン≫
EN/ZH/KO/VI/RU/PT/TH/ES
≪ＭＩＣかながわ≫
ZH/KO/TL/PT/ES/EN/TH/VI/LO/RU/FR/NE/カンボジア語</t>
    <rPh sb="1" eb="3">
      <t>タイオウ</t>
    </rPh>
    <rPh sb="3" eb="5">
      <t>ゲンゴ</t>
    </rPh>
    <rPh sb="10" eb="12">
      <t>タイオウ</t>
    </rPh>
    <rPh sb="12" eb="14">
      <t>ジカン</t>
    </rPh>
    <rPh sb="17" eb="18">
      <t>ゲツ</t>
    </rPh>
    <rPh sb="19" eb="20">
      <t>キン</t>
    </rPh>
    <rPh sb="34" eb="35">
      <t>ド</t>
    </rPh>
    <rPh sb="49" eb="51">
      <t>デンワ</t>
    </rPh>
    <rPh sb="51" eb="53">
      <t>イリョウ</t>
    </rPh>
    <rPh sb="53" eb="55">
      <t>ツウヤク</t>
    </rPh>
    <phoneticPr fontId="9"/>
  </si>
  <si>
    <t>≪ＭＩＣかながわ医療通訳≫
【対応言語】
ZH/KO/TL/PT/ES/EN/TH/VI/LO/RU/FR/NE/カンボジア語
【対応時間】
原則　平日の8:3０-17:００</t>
  </si>
  <si>
    <t xml:space="preserve">電話医療通訳（2社）
メディフォン:毎日08:30～24:00
【電話医療通訳（メディフォン）】
EN/ZH/KO/VI/RU/PT/TH/ES
</t>
    <rPh sb="0" eb="2">
      <t>デンワ</t>
    </rPh>
    <rPh sb="2" eb="4">
      <t>イリョウ</t>
    </rPh>
    <rPh sb="4" eb="6">
      <t>ツウヤク</t>
    </rPh>
    <rPh sb="8" eb="9">
      <t>シャ</t>
    </rPh>
    <rPh sb="18" eb="20">
      <t>マイニチ</t>
    </rPh>
    <phoneticPr fontId="9"/>
  </si>
  <si>
    <t>Shonan Kamakura General Hospital</t>
  </si>
  <si>
    <t>247-8533</t>
  </si>
  <si>
    <t>神奈川県鎌倉市岡本1370番1</t>
    <phoneticPr fontId="9"/>
  </si>
  <si>
    <t>1370-1,Okamoto, Kamakura-City,
Kanagawa,247-8533</t>
  </si>
  <si>
    <t>0467-46-9931</t>
  </si>
  <si>
    <t>Visa、 Master、 AMEX、 JCB、 銀聯</t>
  </si>
  <si>
    <t>○</t>
    <phoneticPr fontId="8"/>
  </si>
  <si>
    <t>【対応言語】
EN/ZH/FR
【対応時間】
（月-土）8:30-17:00（時間外対応は要相談）
その他の言語は要相談</t>
    <rPh sb="1" eb="3">
      <t>タイオウ</t>
    </rPh>
    <rPh sb="3" eb="5">
      <t>ゲンゴ</t>
    </rPh>
    <rPh sb="17" eb="19">
      <t>タイオウ</t>
    </rPh>
    <rPh sb="19" eb="21">
      <t>ジカン</t>
    </rPh>
    <rPh sb="24" eb="25">
      <t>ゲツ</t>
    </rPh>
    <rPh sb="26" eb="27">
      <t>ド</t>
    </rPh>
    <rPh sb="39" eb="42">
      <t>ジカンガイ</t>
    </rPh>
    <rPh sb="42" eb="44">
      <t>タイオウ</t>
    </rPh>
    <rPh sb="45" eb="48">
      <t>ヨウソウダン</t>
    </rPh>
    <rPh sb="52" eb="53">
      <t>タ</t>
    </rPh>
    <rPh sb="54" eb="56">
      <t>ゲンゴ</t>
    </rPh>
    <rPh sb="57" eb="60">
      <t>ヨウソウダン</t>
    </rPh>
    <phoneticPr fontId="8"/>
  </si>
  <si>
    <t xml:space="preserve">≪国際医療支援室≫
【対応言語】
EN/ZH/FR
（月-土）8:30-17:00（時間外対応は要相談）
その他の言語は要相談
≪ＭＩＣかながわ医療通訳≫
【対応言語】
ZH/KO/TL/PT/ES/EN/TH/VI/LO/RU/FR/NE/カンボジア語
【対応時間】
原則　平日の8:3０-17:００
</t>
    <rPh sb="1" eb="3">
      <t>コクサイ</t>
    </rPh>
    <rPh sb="3" eb="8">
      <t>イリョウシエンシツ</t>
    </rPh>
    <rPh sb="11" eb="13">
      <t>タイオウ</t>
    </rPh>
    <rPh sb="13" eb="15">
      <t>ゲンゴ</t>
    </rPh>
    <phoneticPr fontId="8"/>
  </si>
  <si>
    <t>メディフォンと、見える通訳（タブレット端末）
【対応言語】多数</t>
    <rPh sb="24" eb="26">
      <t>タイオウ</t>
    </rPh>
    <rPh sb="26" eb="28">
      <t>ゲンゴ</t>
    </rPh>
    <rPh sb="29" eb="31">
      <t>タスウ</t>
    </rPh>
    <phoneticPr fontId="8"/>
  </si>
  <si>
    <t>機械翻訳（ポケトーク）使用</t>
    <rPh sb="0" eb="4">
      <t>キカイホンヤク</t>
    </rPh>
    <rPh sb="11" eb="13">
      <t>シヨウ</t>
    </rPh>
    <phoneticPr fontId="8"/>
  </si>
  <si>
    <t>医療法人社団ハートクリニック</t>
    <phoneticPr fontId="9"/>
  </si>
  <si>
    <t>Heart Clinic Medical Corporation</t>
  </si>
  <si>
    <t>247-0056</t>
    <phoneticPr fontId="6"/>
  </si>
  <si>
    <t>神奈川県鎌倉市大船1-22-9 湘南大船ビル4階</t>
    <rPh sb="0" eb="4">
      <t>カナガワケン</t>
    </rPh>
    <rPh sb="4" eb="7">
      <t>カマクラシ</t>
    </rPh>
    <rPh sb="7" eb="9">
      <t>オオフナ</t>
    </rPh>
    <rPh sb="16" eb="18">
      <t>ショウナン</t>
    </rPh>
    <rPh sb="18" eb="20">
      <t>オオフナ</t>
    </rPh>
    <rPh sb="23" eb="24">
      <t>カイ</t>
    </rPh>
    <phoneticPr fontId="9"/>
  </si>
  <si>
    <t>4F Shonan Ofuna Bldg., 1-22-9 Ofuna, Kamakura-shi,247-0056</t>
    <phoneticPr fontId="6"/>
  </si>
  <si>
    <t>0467-46-8610</t>
  </si>
  <si>
    <t>（火）9:00-13:00、14:30-20:00
（金）9:00-13:00、14:30-20:00
（土）9:00-13:00、14:30-18:00
（日）9:00-13:00、14:30-17:00
※「受付時間」は英語を話せる医師（1名）の診療時間です。</t>
    <phoneticPr fontId="9"/>
  </si>
  <si>
    <t>https://e-heartclinic.com/</t>
    <phoneticPr fontId="8"/>
  </si>
  <si>
    <t>【対応言語】EN
【対応時間】
（火）9:00-13:00、14:30-20:00
（金）9:00-13:00、14:30-20:00
（土）9:00-13:00、14:30-18:00
（日）9:00-13:00、14:30-17:00</t>
    <rPh sb="1" eb="3">
      <t>タイオウ</t>
    </rPh>
    <rPh sb="3" eb="5">
      <t>ゲンゴ</t>
    </rPh>
    <rPh sb="10" eb="12">
      <t>タイオウ</t>
    </rPh>
    <rPh sb="12" eb="14">
      <t>ジカン</t>
    </rPh>
    <phoneticPr fontId="8"/>
  </si>
  <si>
    <t>神奈川歯科大学附属病院</t>
    <rPh sb="0" eb="3">
      <t>カナガワ</t>
    </rPh>
    <rPh sb="3" eb="5">
      <t>シカ</t>
    </rPh>
    <rPh sb="5" eb="11">
      <t>ダイガクフゾクビョウイン</t>
    </rPh>
    <phoneticPr fontId="9"/>
  </si>
  <si>
    <t>KANAGAWA DENTAL UNIVERSITY HOSPITAL</t>
    <phoneticPr fontId="6"/>
  </si>
  <si>
    <t>238-8570</t>
    <phoneticPr fontId="6"/>
  </si>
  <si>
    <t>神奈川県横須賀市小川町1-23</t>
    <rPh sb="0" eb="4">
      <t>カナガワケン</t>
    </rPh>
    <rPh sb="4" eb="11">
      <t>ヨコスカシオガワマチ</t>
    </rPh>
    <phoneticPr fontId="9"/>
  </si>
  <si>
    <t>1-23,OGAWA-CHO,YOKOSUKA,KANAGAWA,238-8570</t>
    <phoneticPr fontId="6"/>
  </si>
  <si>
    <t>046-822-8810</t>
    <phoneticPr fontId="6"/>
  </si>
  <si>
    <t>（月-土）9:00-11:30、13:00-16:00</t>
    <rPh sb="1" eb="2">
      <t>ゲツ</t>
    </rPh>
    <rPh sb="3" eb="4">
      <t>ド</t>
    </rPh>
    <phoneticPr fontId="9"/>
  </si>
  <si>
    <t>http://www.kdu.ac.jp/hospital/</t>
    <phoneticPr fontId="6"/>
  </si>
  <si>
    <t>VISA、MASTER、AMEX、JCB、DINERS</t>
    <phoneticPr fontId="6"/>
  </si>
  <si>
    <t>【対応言語】EN
【対応時間】（月-土）9:00-11:30、13:00-16:00</t>
    <rPh sb="1" eb="3">
      <t>タイオウ</t>
    </rPh>
    <rPh sb="3" eb="5">
      <t>ゲンゴ</t>
    </rPh>
    <rPh sb="10" eb="12">
      <t>タイオウ</t>
    </rPh>
    <rPh sb="12" eb="14">
      <t>ジカン</t>
    </rPh>
    <rPh sb="16" eb="17">
      <t>ゲツ</t>
    </rPh>
    <rPh sb="18" eb="19">
      <t>ド</t>
    </rPh>
    <phoneticPr fontId="8"/>
  </si>
  <si>
    <t>ポケトーク</t>
    <phoneticPr fontId="8"/>
  </si>
  <si>
    <t>藤沢市民病院</t>
    <rPh sb="0" eb="4">
      <t>フジサワシミン</t>
    </rPh>
    <rPh sb="4" eb="6">
      <t>ビョウイン</t>
    </rPh>
    <phoneticPr fontId="9"/>
  </si>
  <si>
    <t>Fujisawa City  Hospital</t>
  </si>
  <si>
    <t>251-8550</t>
  </si>
  <si>
    <t>神奈川県藤沢市藤沢2-6-1</t>
    <rPh sb="0" eb="4">
      <t>カナガワケン</t>
    </rPh>
    <rPh sb="4" eb="7">
      <t>フジサワシ</t>
    </rPh>
    <rPh sb="7" eb="9">
      <t>フジサワ</t>
    </rPh>
    <phoneticPr fontId="9"/>
  </si>
  <si>
    <t>2-6-1,Fujisawa,Fujisawa-shi,Kanagawa,251-8550</t>
  </si>
  <si>
    <t>0466-25-3111</t>
  </si>
  <si>
    <t>（月-金）:9:00～（救急外来24時間対応）
（土日・祝日）:救急外来24時間対応</t>
    <rPh sb="1" eb="2">
      <t>ゲツ</t>
    </rPh>
    <rPh sb="3" eb="4">
      <t>キン</t>
    </rPh>
    <rPh sb="12" eb="14">
      <t>キュウキュウ</t>
    </rPh>
    <rPh sb="14" eb="16">
      <t>ガイライ</t>
    </rPh>
    <rPh sb="18" eb="20">
      <t>ジカン</t>
    </rPh>
    <rPh sb="20" eb="22">
      <t>タイオウ</t>
    </rPh>
    <rPh sb="25" eb="27">
      <t>ドニチ</t>
    </rPh>
    <rPh sb="28" eb="30">
      <t>シュクジツ</t>
    </rPh>
    <phoneticPr fontId="9"/>
  </si>
  <si>
    <t>VISA、Master、JCB、AMEX、MUFG、DC、UFJ、NICOS、Diners、DISCOVER</t>
  </si>
  <si>
    <t>【対応言語】EN/ZH/PO/ES
【対応時間】9:00-17:00
（MICかながわ、外国語通訳補助員利用のため要予約）</t>
    <rPh sb="1" eb="3">
      <t>タイオウ</t>
    </rPh>
    <rPh sb="3" eb="5">
      <t>ゲンゴ</t>
    </rPh>
    <rPh sb="19" eb="21">
      <t>タイオウ</t>
    </rPh>
    <rPh sb="21" eb="23">
      <t>ジカン</t>
    </rPh>
    <phoneticPr fontId="8"/>
  </si>
  <si>
    <t>【対応言語】EN/ZH/KO
【対応時間】24時間365日</t>
    <rPh sb="1" eb="3">
      <t>タイオウ</t>
    </rPh>
    <rPh sb="3" eb="5">
      <t>ゲンゴ</t>
    </rPh>
    <rPh sb="16" eb="18">
      <t>タイオウ</t>
    </rPh>
    <rPh sb="18" eb="20">
      <t>ジカン</t>
    </rPh>
    <rPh sb="23" eb="25">
      <t>ジカン</t>
    </rPh>
    <rPh sb="28" eb="29">
      <t>ニチ</t>
    </rPh>
    <phoneticPr fontId="9"/>
  </si>
  <si>
    <t>翻訳アプリ用タブレット端末、無線LAN配備</t>
    <rPh sb="0" eb="2">
      <t>ホンヤク</t>
    </rPh>
    <rPh sb="5" eb="6">
      <t>ヨウ</t>
    </rPh>
    <rPh sb="11" eb="13">
      <t>タンマツ</t>
    </rPh>
    <rPh sb="14" eb="16">
      <t>ムセン</t>
    </rPh>
    <rPh sb="19" eb="21">
      <t>ハイビ</t>
    </rPh>
    <phoneticPr fontId="8"/>
  </si>
  <si>
    <t>医療法人徳洲会　湘南藤沢徳洲会病院</t>
    <phoneticPr fontId="9"/>
  </si>
  <si>
    <t>Shonan Fujisawa Tokushukai Hospital</t>
  </si>
  <si>
    <t>251-0041</t>
  </si>
  <si>
    <t>神奈川県藤沢市辻堂神台1-5-1</t>
    <rPh sb="0" eb="4">
      <t>カナガワケン</t>
    </rPh>
    <rPh sb="4" eb="7">
      <t>フジサワシ</t>
    </rPh>
    <rPh sb="7" eb="11">
      <t>ツジドウカンダイ</t>
    </rPh>
    <phoneticPr fontId="9"/>
  </si>
  <si>
    <t>1-5-1,Tsujido-Kandai, Fujisawa-shi, Kanagawa,251-0041</t>
    <phoneticPr fontId="8"/>
  </si>
  <si>
    <t>0466-35-1332もしくは0466-35-1177(代表)</t>
    <rPh sb="29" eb="31">
      <t>ダイヒョウ</t>
    </rPh>
    <phoneticPr fontId="9"/>
  </si>
  <si>
    <t>（月-土）8:00-12:00　診療科によって異なる
　　　　　救急外来24時間対応
（日・祝日）救急外来24時間対応</t>
    <phoneticPr fontId="9"/>
  </si>
  <si>
    <t>https://fujisawatokushukai.jp/（日本語）
https://fujisawatokushukai.jp/en/（英語）
https://fujisawatokushukai.jp/cn/（中国語）</t>
    <rPh sb="31" eb="34">
      <t>ニホンゴ</t>
    </rPh>
    <rPh sb="70" eb="72">
      <t>エイゴ</t>
    </rPh>
    <rPh sb="108" eb="111">
      <t>チュウゴクゴ</t>
    </rPh>
    <phoneticPr fontId="9"/>
  </si>
  <si>
    <t>VISA、MASTER、AMEX、JCB、UFJ、NICOS、ﾀﾞｲﾅｰｽｸﾗﾌﾞ、中国銀聯</t>
  </si>
  <si>
    <t>第二次救急医療機関</t>
    <rPh sb="0" eb="1">
      <t>ダイ</t>
    </rPh>
    <rPh sb="1" eb="2">
      <t>ニ</t>
    </rPh>
    <rPh sb="2" eb="3">
      <t>ジ</t>
    </rPh>
    <rPh sb="3" eb="5">
      <t>キュウキュウ</t>
    </rPh>
    <rPh sb="5" eb="7">
      <t>イリョウ</t>
    </rPh>
    <rPh sb="7" eb="9">
      <t>キカン</t>
    </rPh>
    <phoneticPr fontId="9"/>
  </si>
  <si>
    <t>≪国際医療支援室≫
【対応言語】EN/ZH/ES
【対応時間】
（月-金）08:30-17:00
（土）08:30-12:30</t>
    <rPh sb="1" eb="3">
      <t>コクサイ</t>
    </rPh>
    <rPh sb="3" eb="5">
      <t>イリョウ</t>
    </rPh>
    <rPh sb="5" eb="7">
      <t>シエン</t>
    </rPh>
    <rPh sb="7" eb="8">
      <t>シツ</t>
    </rPh>
    <rPh sb="11" eb="13">
      <t>タイオウ</t>
    </rPh>
    <rPh sb="13" eb="15">
      <t>ゲンゴ</t>
    </rPh>
    <rPh sb="26" eb="28">
      <t>タイオウ</t>
    </rPh>
    <rPh sb="28" eb="30">
      <t>ジカン</t>
    </rPh>
    <phoneticPr fontId="9"/>
  </si>
  <si>
    <t>≪国際医療支援室≫
【対応言語】EN/ZH/ES
【対応時間】
（月-金）08：30-17：00、
（土）08：30-12：30</t>
    <rPh sb="1" eb="3">
      <t>コクサイ</t>
    </rPh>
    <rPh sb="3" eb="5">
      <t>イリョウ</t>
    </rPh>
    <rPh sb="5" eb="7">
      <t>シエン</t>
    </rPh>
    <rPh sb="7" eb="8">
      <t>シツ</t>
    </rPh>
    <rPh sb="11" eb="13">
      <t>タイオウ</t>
    </rPh>
    <rPh sb="13" eb="15">
      <t>ゲンゴ</t>
    </rPh>
    <rPh sb="26" eb="28">
      <t>タイオウ</t>
    </rPh>
    <rPh sb="28" eb="30">
      <t>ジカン</t>
    </rPh>
    <phoneticPr fontId="9"/>
  </si>
  <si>
    <t>≪国際医療支援室≫
【対応言語】EN, ZH, ES
月-金:08:30-17:00、土:08:30-12:30
≪ＭＩＣかながわ医療通訳≫
【対応言語】
ZH/KO/TL/PT/ES/EN/TH/VI/LO/RU/FR/NE/カンボジア語
【対応時間】
原則　平日の8:3０-17:００</t>
    <rPh sb="11" eb="15">
      <t>タイオウゲンゴ</t>
    </rPh>
    <phoneticPr fontId="8"/>
  </si>
  <si>
    <t xml:space="preserve">≪電話医療通訳/メディフォン≫
【対応言語】
EN/ZH/KO/VI/PT/ES/RU/TH
(他要事前予約言語あり)
【対応時間】8:30-24:00
≪タブレットビデオ一般通訳/見える通訳≫
【対応言語】
EN/ZN/KO/PT/ES
【対応時間】
24時間対応
※NE/HI/ID/RU/TH/VI/FR/TLは日中のみ
</t>
    <rPh sb="17" eb="19">
      <t>タイオウ</t>
    </rPh>
    <rPh sb="19" eb="21">
      <t>ゲンゴ</t>
    </rPh>
    <rPh sb="61" eb="63">
      <t>タイオウ</t>
    </rPh>
    <rPh sb="63" eb="65">
      <t>ジカン</t>
    </rPh>
    <rPh sb="99" eb="101">
      <t>タイオウ</t>
    </rPh>
    <rPh sb="101" eb="103">
      <t>ゲンゴ</t>
    </rPh>
    <rPh sb="121" eb="123">
      <t>タイオウ</t>
    </rPh>
    <phoneticPr fontId="8"/>
  </si>
  <si>
    <t>２４時間対応ポケトークによる機械音訳
　　55言語</t>
    <rPh sb="14" eb="16">
      <t>キカイ</t>
    </rPh>
    <rPh sb="16" eb="18">
      <t>オンヤク</t>
    </rPh>
    <phoneticPr fontId="8"/>
  </si>
  <si>
    <t>伊勢原石田内科クリニック</t>
    <rPh sb="0" eb="3">
      <t>イセハラ</t>
    </rPh>
    <rPh sb="3" eb="5">
      <t>イシダ</t>
    </rPh>
    <rPh sb="5" eb="7">
      <t>ナイカ</t>
    </rPh>
    <phoneticPr fontId="9"/>
  </si>
  <si>
    <t>Isehara Ishida Naika Clinic</t>
    <phoneticPr fontId="8"/>
  </si>
  <si>
    <t>259-1114</t>
  </si>
  <si>
    <t>神奈川県伊勢原市高森1325</t>
    <phoneticPr fontId="9"/>
  </si>
  <si>
    <t>1325, Takamori, Isehara-shi, Kanagawa,259-1114</t>
    <phoneticPr fontId="8"/>
  </si>
  <si>
    <t>0463-92-6771</t>
  </si>
  <si>
    <t>（月・火・水・金）8:45-12:00、13:45-18:00
（木・土）8:45-12:00
祝祭日休診</t>
    <rPh sb="1" eb="2">
      <t>ゲツ</t>
    </rPh>
    <rPh sb="3" eb="4">
      <t>カ</t>
    </rPh>
    <rPh sb="5" eb="6">
      <t>スイ</t>
    </rPh>
    <rPh sb="7" eb="8">
      <t>キン</t>
    </rPh>
    <rPh sb="33" eb="34">
      <t>モク</t>
    </rPh>
    <rPh sb="35" eb="36">
      <t>ド</t>
    </rPh>
    <rPh sb="48" eb="50">
      <t>シュクサイ</t>
    </rPh>
    <rPh sb="50" eb="51">
      <t>ヒ</t>
    </rPh>
    <rPh sb="51" eb="53">
      <t>キュウシン</t>
    </rPh>
    <phoneticPr fontId="9"/>
  </si>
  <si>
    <t>http://www1.odn.ne.jp/aac61870/</t>
  </si>
  <si>
    <t>カードは調整中</t>
    <rPh sb="4" eb="7">
      <t>チョウセイチュウ</t>
    </rPh>
    <phoneticPr fontId="2"/>
  </si>
  <si>
    <t>【対応言語】EN/ZH
【対応時間】
（月・火・水・金）8:45-12:00、13:45-18:00
（木・土）8:45-12:00
※中国語は要問合せ</t>
    <rPh sb="13" eb="15">
      <t>タイオウ</t>
    </rPh>
    <rPh sb="15" eb="17">
      <t>ジカン</t>
    </rPh>
    <rPh sb="68" eb="71">
      <t>チュウゴクゴ</t>
    </rPh>
    <rPh sb="72" eb="73">
      <t>ヨウ</t>
    </rPh>
    <rPh sb="73" eb="75">
      <t>トイアワ</t>
    </rPh>
    <phoneticPr fontId="8"/>
  </si>
  <si>
    <t>日本医師会の機械翻訳</t>
    <rPh sb="0" eb="2">
      <t>ニホン</t>
    </rPh>
    <rPh sb="2" eb="5">
      <t>イシカイ</t>
    </rPh>
    <rPh sb="6" eb="8">
      <t>キカイ</t>
    </rPh>
    <rPh sb="8" eb="10">
      <t>ホンヤク</t>
    </rPh>
    <phoneticPr fontId="8"/>
  </si>
  <si>
    <t>医療法人社団仁志会岡本整形外科</t>
    <phoneticPr fontId="9"/>
  </si>
  <si>
    <t>Okamoto orthopaedic clinic</t>
    <phoneticPr fontId="6"/>
  </si>
  <si>
    <t>242-0021</t>
    <phoneticPr fontId="6"/>
  </si>
  <si>
    <t>神奈川県大和市中央5-6-29第2ソーヨービル1Ｆ</t>
    <rPh sb="0" eb="4">
      <t>カナガワケン</t>
    </rPh>
    <rPh sb="4" eb="7">
      <t>ヤマトシ</t>
    </rPh>
    <rPh sb="7" eb="9">
      <t>チュウオウ</t>
    </rPh>
    <rPh sb="15" eb="16">
      <t>ダイ</t>
    </rPh>
    <phoneticPr fontId="9"/>
  </si>
  <si>
    <t>The SOYO fiest 1F5-6-29,tyuou,yamato city</t>
    <phoneticPr fontId="6"/>
  </si>
  <si>
    <t>046-262-2080</t>
    <phoneticPr fontId="6"/>
  </si>
  <si>
    <t>（月・火・木・金）10:00-12:30、15:00-18:30</t>
    <phoneticPr fontId="9"/>
  </si>
  <si>
    <t>http://dr-okamoto.com</t>
    <phoneticPr fontId="6"/>
  </si>
  <si>
    <t>paypay</t>
    <phoneticPr fontId="6"/>
  </si>
  <si>
    <t>【対応言語】EN
【対応時間】
（月・火・木・金）10:00-12:30、15:00-18:30</t>
    <rPh sb="1" eb="3">
      <t>タイオウ</t>
    </rPh>
    <rPh sb="3" eb="5">
      <t>ゲンゴ</t>
    </rPh>
    <rPh sb="10" eb="12">
      <t>タイオウ</t>
    </rPh>
    <rPh sb="12" eb="14">
      <t>ジカン</t>
    </rPh>
    <phoneticPr fontId="8"/>
  </si>
  <si>
    <t>医療法人社団　小林国際クリニック</t>
    <rPh sb="0" eb="2">
      <t>イリョウ</t>
    </rPh>
    <rPh sb="2" eb="4">
      <t>ホウジン</t>
    </rPh>
    <rPh sb="4" eb="6">
      <t>シャダン</t>
    </rPh>
    <rPh sb="7" eb="9">
      <t>コバヤシ</t>
    </rPh>
    <rPh sb="9" eb="11">
      <t>コクサイ</t>
    </rPh>
    <phoneticPr fontId="9"/>
  </si>
  <si>
    <t>Kobayashi International Clinic</t>
  </si>
  <si>
    <t>242-0005</t>
  </si>
  <si>
    <t>神奈川県大和市西鶴間3-5-6-110</t>
    <phoneticPr fontId="9"/>
  </si>
  <si>
    <t>3-5-6-110,Nishitsuruma, Yamato-shi, Kanagawa,242-0005</t>
  </si>
  <si>
    <t>046-263-1380</t>
  </si>
  <si>
    <t>（月・火・木・金）9:15-12:00、14:00-17:00
（土）9:15-13:00</t>
    <phoneticPr fontId="9"/>
  </si>
  <si>
    <t>http://5884-international-clinic.com (日本語)</t>
  </si>
  <si>
    <t xml:space="preserve">【対応言語】
EN/KO/TL/TH/ES
【対応時間】
月/火/木/金:9:15-12:00、14:00-17:00
土:9:15-13:00
</t>
    <rPh sb="1" eb="3">
      <t>タイオウ</t>
    </rPh>
    <rPh sb="3" eb="5">
      <t>ゲンゴ</t>
    </rPh>
    <rPh sb="23" eb="25">
      <t>タイオウ</t>
    </rPh>
    <rPh sb="25" eb="27">
      <t>ジカン</t>
    </rPh>
    <phoneticPr fontId="8"/>
  </si>
  <si>
    <t xml:space="preserve">【対応言語・対応時間】
TL：（フィリピン人スタッフ）
月/火/木/金：9:15-12:00、14:00-17：00
土:9:15-13:00
TH：（タイ人スタッフ）
土:9:15-13:00※簡単なタイ語の診療は毎日）.
VI：
月1回土曜日対応（ホームページ確認）
</t>
    <rPh sb="1" eb="3">
      <t>タイオウ</t>
    </rPh>
    <rPh sb="3" eb="5">
      <t>ゲンゴ</t>
    </rPh>
    <rPh sb="6" eb="8">
      <t>タイオウ</t>
    </rPh>
    <rPh sb="8" eb="10">
      <t>ジカン</t>
    </rPh>
    <rPh sb="78" eb="79">
      <t>ジン</t>
    </rPh>
    <rPh sb="98" eb="100">
      <t>カンタン</t>
    </rPh>
    <rPh sb="103" eb="104">
      <t>ゴ</t>
    </rPh>
    <rPh sb="105" eb="107">
      <t>シンリョウ</t>
    </rPh>
    <rPh sb="108" eb="110">
      <t>マイニチ</t>
    </rPh>
    <rPh sb="117" eb="118">
      <t>ツキ</t>
    </rPh>
    <phoneticPr fontId="8"/>
  </si>
  <si>
    <t xml:space="preserve">【対応言語・対応時間】
EN/KO/TH/ES/TL:
月/火/木/金:9:15-12:00、14:00-17:00
土:9:15-13:00
VI:月1回土曜日（ホームページ要確認）
</t>
    <rPh sb="1" eb="3">
      <t>タイオウ</t>
    </rPh>
    <rPh sb="3" eb="5">
      <t>ゲンゴ</t>
    </rPh>
    <rPh sb="6" eb="8">
      <t>タイオウ</t>
    </rPh>
    <rPh sb="8" eb="10">
      <t>ジカン</t>
    </rPh>
    <rPh sb="28" eb="29">
      <t>ガツ</t>
    </rPh>
    <rPh sb="30" eb="31">
      <t>ヒ</t>
    </rPh>
    <rPh sb="32" eb="33">
      <t>キ</t>
    </rPh>
    <rPh sb="34" eb="35">
      <t>キン</t>
    </rPh>
    <rPh sb="59" eb="60">
      <t>ド</t>
    </rPh>
    <rPh sb="75" eb="76">
      <t>ツキ</t>
    </rPh>
    <rPh sb="77" eb="78">
      <t>カイ</t>
    </rPh>
    <rPh sb="78" eb="81">
      <t>ドヨウビ</t>
    </rPh>
    <rPh sb="88" eb="89">
      <t>ヨウ</t>
    </rPh>
    <rPh sb="89" eb="91">
      <t>カクニン</t>
    </rPh>
    <phoneticPr fontId="9"/>
  </si>
  <si>
    <t>AMDA通訳ライン</t>
    <rPh sb="4" eb="6">
      <t>ツウヤク</t>
    </rPh>
    <phoneticPr fontId="9"/>
  </si>
  <si>
    <t>医療法人徳洲会大和徳洲会病院</t>
    <rPh sb="0" eb="2">
      <t>イリョウ</t>
    </rPh>
    <rPh sb="2" eb="4">
      <t>ホウジン</t>
    </rPh>
    <rPh sb="4" eb="7">
      <t>トクシュウカイ</t>
    </rPh>
    <rPh sb="7" eb="9">
      <t>ヤマト</t>
    </rPh>
    <rPh sb="9" eb="12">
      <t>トクシュウカイ</t>
    </rPh>
    <rPh sb="12" eb="14">
      <t>ビョウイン</t>
    </rPh>
    <phoneticPr fontId="9"/>
  </si>
  <si>
    <t>Yamato　Tokushukai Hospital</t>
  </si>
  <si>
    <t>242-0021</t>
  </si>
  <si>
    <t>神奈川県大和市中央4-4-12</t>
    <rPh sb="0" eb="4">
      <t>カナガワケン</t>
    </rPh>
    <rPh sb="4" eb="7">
      <t>ヤマトシ</t>
    </rPh>
    <rPh sb="7" eb="9">
      <t>チュウオウ</t>
    </rPh>
    <phoneticPr fontId="9"/>
  </si>
  <si>
    <t>4-4-12,Chuo,Yamato-shi,Kanagawa,242-0021</t>
  </si>
  <si>
    <t>046-264-1111</t>
    <phoneticPr fontId="6"/>
  </si>
  <si>
    <t>https://www.yth.or.jp</t>
  </si>
  <si>
    <t>VISA、MASTER、AMEX、JCB</t>
  </si>
  <si>
    <t>【対応言語】ＥＮ
【対応時間】
（月-金）8:15-11:30、13:15-16:00、16:30-18:30
　　　　　救急外来24時間対応
（土曜日）8:15-11:30（午前のみ）</t>
    <rPh sb="1" eb="3">
      <t>タイオウ</t>
    </rPh>
    <rPh sb="3" eb="5">
      <t>ゲンゴ</t>
    </rPh>
    <rPh sb="10" eb="12">
      <t>タイオウ</t>
    </rPh>
    <rPh sb="12" eb="14">
      <t>ジカン</t>
    </rPh>
    <phoneticPr fontId="8"/>
  </si>
  <si>
    <t>えびな桂冠内科クリニック</t>
    <rPh sb="3" eb="5">
      <t>ケイカン</t>
    </rPh>
    <rPh sb="5" eb="7">
      <t>ナイカ</t>
    </rPh>
    <phoneticPr fontId="9"/>
  </si>
  <si>
    <t>ebinakeikannaikaclinic</t>
  </si>
  <si>
    <t>243-0417</t>
  </si>
  <si>
    <t>神奈川県海老名市本郷2666-1</t>
    <rPh sb="0" eb="10">
      <t>カナガワケンエビナシホンゴウ</t>
    </rPh>
    <phoneticPr fontId="9"/>
  </si>
  <si>
    <t>2666-1, Hongou,Ebina-shi,Kanagawa,243-0417</t>
  </si>
  <si>
    <t>046-239-3900</t>
  </si>
  <si>
    <t>（月-金）9:00-18:00</t>
    <phoneticPr fontId="9"/>
  </si>
  <si>
    <t>https://www.ebina-keikanclinic.jp/</t>
    <phoneticPr fontId="8"/>
  </si>
  <si>
    <t>【対応言語】EN
【対応時間】
（月～金）9:００～18:００</t>
    <rPh sb="1" eb="3">
      <t>タイオウ</t>
    </rPh>
    <rPh sb="3" eb="5">
      <t>ゲンゴ</t>
    </rPh>
    <rPh sb="10" eb="12">
      <t>タイオウ</t>
    </rPh>
    <rPh sb="12" eb="14">
      <t>ジカン</t>
    </rPh>
    <rPh sb="17" eb="18">
      <t>ゲツ</t>
    </rPh>
    <rPh sb="19" eb="20">
      <t>キン</t>
    </rPh>
    <phoneticPr fontId="8"/>
  </si>
  <si>
    <t>外来時間内:EN</t>
    <rPh sb="0" eb="2">
      <t>ガイライ</t>
    </rPh>
    <rPh sb="2" eb="4">
      <t>ジカン</t>
    </rPh>
    <rPh sb="4" eb="5">
      <t>ナイ</t>
    </rPh>
    <phoneticPr fontId="9"/>
  </si>
  <si>
    <t>046-236-2188</t>
  </si>
  <si>
    <t>https://www.ebinou.com/</t>
  </si>
  <si>
    <t>相模原協同病院</t>
    <rPh sb="0" eb="3">
      <t>サガミハラ</t>
    </rPh>
    <rPh sb="3" eb="5">
      <t>キョウドウ</t>
    </rPh>
    <rPh sb="5" eb="7">
      <t>ビョウイン</t>
    </rPh>
    <phoneticPr fontId="9"/>
  </si>
  <si>
    <t>Sagamihara Kyodo Hospital</t>
  </si>
  <si>
    <t>252-5188</t>
  </si>
  <si>
    <t>神奈川県相模原市緑区橋本台4-3-1</t>
    <rPh sb="0" eb="4">
      <t>カナガワケン</t>
    </rPh>
    <rPh sb="4" eb="8">
      <t>サガミハラシ</t>
    </rPh>
    <rPh sb="8" eb="10">
      <t>ミドリク</t>
    </rPh>
    <rPh sb="10" eb="12">
      <t>ハシモト</t>
    </rPh>
    <rPh sb="12" eb="13">
      <t>ダイ</t>
    </rPh>
    <phoneticPr fontId="9"/>
  </si>
  <si>
    <t>4-3-1,Hashimotodai,Midori-ku,Sagamihara-shi,Kanagawa,252-5188</t>
    <phoneticPr fontId="8"/>
  </si>
  <si>
    <t>042-761-6020</t>
    <phoneticPr fontId="8"/>
  </si>
  <si>
    <t>小型通訳機2台設置（ﾎﾟｹﾄｰｸ）：74言語対応</t>
    <rPh sb="0" eb="2">
      <t>コガタ</t>
    </rPh>
    <rPh sb="2" eb="4">
      <t>ツウヤク</t>
    </rPh>
    <rPh sb="4" eb="5">
      <t>キ</t>
    </rPh>
    <rPh sb="6" eb="7">
      <t>ダイ</t>
    </rPh>
    <rPh sb="7" eb="9">
      <t>セッチ</t>
    </rPh>
    <rPh sb="20" eb="22">
      <t>ゲンゴ</t>
    </rPh>
    <rPh sb="22" eb="24">
      <t>タイオウ</t>
    </rPh>
    <phoneticPr fontId="9"/>
  </si>
  <si>
    <t>小田原市立病院</t>
    <rPh sb="0" eb="3">
      <t>オダワラ</t>
    </rPh>
    <rPh sb="3" eb="5">
      <t>シリツ</t>
    </rPh>
    <rPh sb="5" eb="7">
      <t>ビョウイン</t>
    </rPh>
    <phoneticPr fontId="9"/>
  </si>
  <si>
    <t>Odawara Municipal Hospital</t>
  </si>
  <si>
    <t>250-8558</t>
  </si>
  <si>
    <t>神奈川県小田原市久野46番地</t>
    <phoneticPr fontId="9"/>
  </si>
  <si>
    <t>46，Kuno，Odawara，Kanagawa</t>
  </si>
  <si>
    <t>0465-34-3175</t>
  </si>
  <si>
    <t>（月-金）8:00-11:00/救急外来24時間対応
（土日・祝日）救急外来24時間対応</t>
    <phoneticPr fontId="9"/>
  </si>
  <si>
    <t>http://www.city.odawara.kanagawa.jp/hospital/
http://www.city.odawara.kanagawa.jp.e.aez.hp.transer.com/hospital/
http://www.city.odawara.kanagawa.jp.c.aez.hp.transer.com/hospital/
http://www.city.odawara.kanagawa.jp.t.aez.hp.transer.com/hospital/
http://www.city.odawara.kanagawa.jp.k.aez.hp.transer.com/hospital/
http://www.city.odawara.kanagawa.jp.g.aez.hp.transer.com/hospital/
http://www.city.odawara.kanagawa.jp.f.aez.hp.transer.com/hospital/</t>
    <phoneticPr fontId="2"/>
  </si>
  <si>
    <t>VISA、MASTER、AMEX、
JCB、Diners Club、DISCOVER</t>
  </si>
  <si>
    <t>救命救急センター（第三次救急）</t>
  </si>
  <si>
    <t>厚生労働省「希少言語に対応した遠隔通訳サービス事業」による</t>
    <rPh sb="0" eb="2">
      <t>コウセイ</t>
    </rPh>
    <rPh sb="2" eb="5">
      <t>ロウドウショウ</t>
    </rPh>
    <rPh sb="6" eb="8">
      <t>キショウ</t>
    </rPh>
    <rPh sb="8" eb="10">
      <t>ゲンゴ</t>
    </rPh>
    <rPh sb="11" eb="13">
      <t>タイオウ</t>
    </rPh>
    <rPh sb="15" eb="17">
      <t>エンカク</t>
    </rPh>
    <rPh sb="17" eb="19">
      <t>ツウヤク</t>
    </rPh>
    <rPh sb="23" eb="25">
      <t>ジギョウ</t>
    </rPh>
    <phoneticPr fontId="2"/>
  </si>
  <si>
    <t>・機械翻訳アプリ（ボイストラ）を使用</t>
    <phoneticPr fontId="8"/>
  </si>
  <si>
    <t>医療法人社団三昧耶会　ゆげ耳鼻咽喉科</t>
    <phoneticPr fontId="9"/>
  </si>
  <si>
    <t>Dr Yuge's ENT clinic</t>
    <phoneticPr fontId="6"/>
  </si>
  <si>
    <t>250-0872</t>
    <phoneticPr fontId="6"/>
  </si>
  <si>
    <t>神奈川県小田原市中里72－1</t>
    <rPh sb="0" eb="4">
      <t>カナガワケン</t>
    </rPh>
    <rPh sb="4" eb="10">
      <t>オダワラシナカザト</t>
    </rPh>
    <phoneticPr fontId="9"/>
  </si>
  <si>
    <t>72－1　Nakazato Odawara</t>
    <phoneticPr fontId="6"/>
  </si>
  <si>
    <t>0465-27-3325</t>
    <phoneticPr fontId="6"/>
  </si>
  <si>
    <t>（月・火・木・金）9:00-12:15、15:00-18:15
（土）9:00－13:45</t>
    <rPh sb="1" eb="2">
      <t>ゲツ</t>
    </rPh>
    <rPh sb="3" eb="4">
      <t>ヒ</t>
    </rPh>
    <rPh sb="5" eb="6">
      <t>モク</t>
    </rPh>
    <rPh sb="7" eb="8">
      <t>キン</t>
    </rPh>
    <rPh sb="33" eb="34">
      <t>ド</t>
    </rPh>
    <phoneticPr fontId="9"/>
  </si>
  <si>
    <t>http://yuge-ent-clinic.com/</t>
    <phoneticPr fontId="6"/>
  </si>
  <si>
    <t>VISA、MASTER、AMEX、JCB、Diners Club、中国銀聯</t>
    <rPh sb="33" eb="35">
      <t>チュウゴク</t>
    </rPh>
    <rPh sb="35" eb="37">
      <t>ギンレン</t>
    </rPh>
    <phoneticPr fontId="6"/>
  </si>
  <si>
    <t>交通系電子マネー、iD、QUICKPay、PayPay、ALIPAY</t>
    <rPh sb="0" eb="2">
      <t>コウツウ</t>
    </rPh>
    <rPh sb="2" eb="3">
      <t>ケイ</t>
    </rPh>
    <rPh sb="3" eb="5">
      <t>デンシ</t>
    </rPh>
    <phoneticPr fontId="2"/>
  </si>
  <si>
    <t>○</t>
    <phoneticPr fontId="6"/>
  </si>
  <si>
    <t>【対応言語】
EN/ZH
【対応時間】
（月・火・木・金）9:00～12:15、15:00～18:15
（土）9:00～13:30</t>
    <phoneticPr fontId="6"/>
  </si>
  <si>
    <t>医療法人ビクトリア会　小野歯科医院</t>
    <rPh sb="0" eb="10">
      <t>イリョ</t>
    </rPh>
    <rPh sb="11" eb="17">
      <t>オノs</t>
    </rPh>
    <phoneticPr fontId="9"/>
  </si>
  <si>
    <t>Ono Dental Clinic</t>
  </si>
  <si>
    <t>245-0014</t>
  </si>
  <si>
    <t>神奈川県横浜市泉区中田南５ー６５ー １９</t>
    <rPh sb="0" eb="4">
      <t>カナガw</t>
    </rPh>
    <rPh sb="4" eb="7">
      <t>ヨコハm</t>
    </rPh>
    <rPh sb="7" eb="9">
      <t>イズm</t>
    </rPh>
    <rPh sb="9" eb="12">
      <t>ナk</t>
    </rPh>
    <phoneticPr fontId="9"/>
  </si>
  <si>
    <t>5-65-19,Nakataminami, Izumi-ku, Yokohama-shi,Kanagawa,245-0014</t>
  </si>
  <si>
    <t>045-801-6480</t>
  </si>
  <si>
    <t>（月・火・水・木・金）:9:00-12:30、14:00-18:30
（土）9:00-12:30</t>
    <rPh sb="1" eb="2">
      <t>ゲツ</t>
    </rPh>
    <rPh sb="3" eb="4">
      <t>ヒ</t>
    </rPh>
    <rPh sb="5" eb="6">
      <t>ス</t>
    </rPh>
    <rPh sb="7" eb="8">
      <t>モク</t>
    </rPh>
    <rPh sb="9" eb="10">
      <t>キン</t>
    </rPh>
    <rPh sb="36" eb="37">
      <t>ツt</t>
    </rPh>
    <phoneticPr fontId="9"/>
  </si>
  <si>
    <t>http://onodent.com</t>
  </si>
  <si>
    <t>Paypay, auPay, d払い</t>
    <rPh sb="16" eb="17">
      <t>ハライ</t>
    </rPh>
    <phoneticPr fontId="8"/>
  </si>
  <si>
    <t>歯科診療所</t>
    <rPh sb="0" eb="2">
      <t>シカ</t>
    </rPh>
    <rPh sb="2" eb="5">
      <t>シンリョウジョ</t>
    </rPh>
    <phoneticPr fontId="6"/>
  </si>
  <si>
    <t>○</t>
    <rPh sb="0" eb="1">
      <t>maru</t>
    </rPh>
    <phoneticPr fontId="6"/>
  </si>
  <si>
    <t>【対応言語】EN  
【対応時間】
（月・木・金）9:00-17:00
（土）9:00-12:00</t>
    <rPh sb="1" eb="5">
      <t>タイオウ</t>
    </rPh>
    <rPh sb="12" eb="16">
      <t>タイオウ</t>
    </rPh>
    <rPh sb="19" eb="20">
      <t xml:space="preserve">ゲツ </t>
    </rPh>
    <rPh sb="21" eb="22">
      <t xml:space="preserve">モク </t>
    </rPh>
    <rPh sb="23" eb="24">
      <t xml:space="preserve">キン </t>
    </rPh>
    <rPh sb="37" eb="38">
      <t xml:space="preserve">ド </t>
    </rPh>
    <phoneticPr fontId="6"/>
  </si>
  <si>
    <t>けいゆう病院</t>
    <rPh sb="4" eb="6">
      <t>ビョウイン</t>
    </rPh>
    <phoneticPr fontId="9"/>
  </si>
  <si>
    <t>keiyu-hospital</t>
  </si>
  <si>
    <t>221-8521</t>
  </si>
  <si>
    <t>神奈川県横浜市西区みなとみらい3-7-3</t>
    <rPh sb="0" eb="4">
      <t>カナガワケン</t>
    </rPh>
    <rPh sb="4" eb="9">
      <t>ヨコハマシニシク</t>
    </rPh>
    <phoneticPr fontId="9"/>
  </si>
  <si>
    <t>３-7-3，Minatomirai,Nishi－ku，Yokohama-shi，Kanagawa,221-8521</t>
  </si>
  <si>
    <t>045-221-8181</t>
    <phoneticPr fontId="6"/>
  </si>
  <si>
    <t>（月-金）　8:00-11:30
（第2、4土）8:00-11:00　救急24時間対応</t>
    <rPh sb="1" eb="2">
      <t>ゲツ</t>
    </rPh>
    <rPh sb="3" eb="4">
      <t>キン</t>
    </rPh>
    <rPh sb="18" eb="19">
      <t>ダイ</t>
    </rPh>
    <rPh sb="22" eb="23">
      <t>ド</t>
    </rPh>
    <rPh sb="35" eb="37">
      <t>キュウキュウ</t>
    </rPh>
    <rPh sb="39" eb="41">
      <t>ジカン</t>
    </rPh>
    <rPh sb="41" eb="43">
      <t>タイオウ</t>
    </rPh>
    <phoneticPr fontId="9"/>
  </si>
  <si>
    <t>https://www.keiyu-hospital.com/　（日本語）
https://www.keiyu-hospital.com/english/　（英語）</t>
    <rPh sb="33" eb="36">
      <t>ニホンゴ</t>
    </rPh>
    <rPh sb="79" eb="81">
      <t>エイゴ</t>
    </rPh>
    <phoneticPr fontId="8"/>
  </si>
  <si>
    <t xml:space="preserve">VISA、MASTER、AMEX、
JCB、DC、ＤINERS、UFJ
</t>
  </si>
  <si>
    <t>【対応言語】英語
【対応時間】要問合せ</t>
    <rPh sb="1" eb="3">
      <t>タイオウ</t>
    </rPh>
    <rPh sb="3" eb="5">
      <t>ゲンゴ</t>
    </rPh>
    <rPh sb="6" eb="8">
      <t>エイゴ</t>
    </rPh>
    <rPh sb="10" eb="12">
      <t>タイオウ</t>
    </rPh>
    <rPh sb="12" eb="14">
      <t>ジカン</t>
    </rPh>
    <rPh sb="15" eb="16">
      <t>ヨウ</t>
    </rPh>
    <rPh sb="16" eb="18">
      <t>トイアワ</t>
    </rPh>
    <phoneticPr fontId="10"/>
  </si>
  <si>
    <t>≪ビデオ通訳≫
【対応言語】EN/ZH
【対応時間】
（平日）8:30～18:00　平日
≪電話通訳≫
【対応言語】EN/ZH/KO
【対応時間】24時間　毎日
≪電話通訳≫
【対応言語】TH/VI/RU/PT/ES
【対応時間】8:30-24:00　毎日</t>
    <rPh sb="4" eb="6">
      <t>ツウヤク</t>
    </rPh>
    <rPh sb="9" eb="11">
      <t>タイオウ</t>
    </rPh>
    <rPh sb="11" eb="13">
      <t>ゲンゴ</t>
    </rPh>
    <rPh sb="21" eb="23">
      <t>タイオウ</t>
    </rPh>
    <rPh sb="23" eb="25">
      <t>ジカン</t>
    </rPh>
    <rPh sb="28" eb="30">
      <t>ヘイジツ</t>
    </rPh>
    <rPh sb="42" eb="44">
      <t>ヘイジツ</t>
    </rPh>
    <rPh sb="46" eb="48">
      <t>デンワ</t>
    </rPh>
    <rPh sb="48" eb="50">
      <t>ツウヤク</t>
    </rPh>
    <rPh sb="53" eb="55">
      <t>タイオウ</t>
    </rPh>
    <rPh sb="55" eb="57">
      <t>ゲンゴ</t>
    </rPh>
    <rPh sb="68" eb="70">
      <t>タイオウ</t>
    </rPh>
    <rPh sb="70" eb="72">
      <t>ジカン</t>
    </rPh>
    <rPh sb="75" eb="77">
      <t>ジカン</t>
    </rPh>
    <rPh sb="78" eb="80">
      <t>マイニチ</t>
    </rPh>
    <rPh sb="82" eb="84">
      <t>デンワ</t>
    </rPh>
    <rPh sb="84" eb="86">
      <t>ツウヤク</t>
    </rPh>
    <rPh sb="89" eb="91">
      <t>タイオウ</t>
    </rPh>
    <rPh sb="91" eb="93">
      <t>ゲンゴ</t>
    </rPh>
    <rPh sb="110" eb="112">
      <t>タイオウ</t>
    </rPh>
    <rPh sb="112" eb="114">
      <t>ジカン</t>
    </rPh>
    <rPh sb="126" eb="128">
      <t>マイニチ</t>
    </rPh>
    <phoneticPr fontId="8"/>
  </si>
  <si>
    <t>・ポケトーク
・タブレットを用いた通訳サービス</t>
    <rPh sb="14" eb="15">
      <t>モチ</t>
    </rPh>
    <rPh sb="17" eb="19">
      <t>ツウヤク</t>
    </rPh>
    <phoneticPr fontId="8"/>
  </si>
  <si>
    <t>公立大学法人横浜市立大学附属市民総合医療センター</t>
    <rPh sb="0" eb="2">
      <t>コウリツ</t>
    </rPh>
    <rPh sb="2" eb="4">
      <t>ダイガク</t>
    </rPh>
    <rPh sb="4" eb="6">
      <t>ホウジン</t>
    </rPh>
    <rPh sb="6" eb="8">
      <t>ヨコハマ</t>
    </rPh>
    <rPh sb="8" eb="10">
      <t>シリツ</t>
    </rPh>
    <rPh sb="10" eb="12">
      <t>ダイガク</t>
    </rPh>
    <rPh sb="12" eb="14">
      <t>フゾク</t>
    </rPh>
    <rPh sb="14" eb="16">
      <t>シミン</t>
    </rPh>
    <rPh sb="16" eb="18">
      <t>ソウゴウ</t>
    </rPh>
    <rPh sb="18" eb="20">
      <t>イリョウ</t>
    </rPh>
    <phoneticPr fontId="9"/>
  </si>
  <si>
    <t>YOKOHAMA　CITY　UNIVERSITY　MEDICAL　CENTER</t>
    <phoneticPr fontId="8"/>
  </si>
  <si>
    <t>232-0024</t>
  </si>
  <si>
    <t>神奈川県横浜市南区浦舟町4-57</t>
    <rPh sb="0" eb="4">
      <t>カナガワケン</t>
    </rPh>
    <rPh sb="4" eb="7">
      <t>ヨコハマシ</t>
    </rPh>
    <rPh sb="7" eb="9">
      <t>ミナミク</t>
    </rPh>
    <rPh sb="9" eb="12">
      <t>ウラフネチョウ</t>
    </rPh>
    <phoneticPr fontId="9"/>
  </si>
  <si>
    <t>4-57，Urafune-cho，Minami-ku，Yokohama-shi，Kanagawa,232-0024</t>
    <phoneticPr fontId="8"/>
  </si>
  <si>
    <t>JCB、AMEX、ﾀﾞｲﾅｰｽｸﾗﾌﾞ、ﾃﾞｨｽｶﾊﾞｰ、VISA、MASTER、
ＭＵＦＧカード、ＤＣカード、ＵＦＪカード、ニコス</t>
  </si>
  <si>
    <t>デビッドカード</t>
    <phoneticPr fontId="8"/>
  </si>
  <si>
    <t>国際親善総合病院</t>
    <rPh sb="0" eb="2">
      <t>コクサイ</t>
    </rPh>
    <rPh sb="2" eb="4">
      <t>シンゼン</t>
    </rPh>
    <rPh sb="4" eb="6">
      <t>ソウゴウ</t>
    </rPh>
    <rPh sb="6" eb="8">
      <t>ビョウイン</t>
    </rPh>
    <phoneticPr fontId="9"/>
  </si>
  <si>
    <t>International　Goodwill hospital</t>
  </si>
  <si>
    <t>245-0006</t>
  </si>
  <si>
    <t>神奈川県横浜市泉区西が岡1-28-1</t>
    <rPh sb="0" eb="4">
      <t>カナガワケン</t>
    </rPh>
    <rPh sb="4" eb="7">
      <t>ヨコハマシ</t>
    </rPh>
    <rPh sb="7" eb="9">
      <t>イズミク</t>
    </rPh>
    <rPh sb="9" eb="10">
      <t>ニシ</t>
    </rPh>
    <rPh sb="11" eb="12">
      <t>オカ</t>
    </rPh>
    <phoneticPr fontId="9"/>
  </si>
  <si>
    <t>1-28-1、Nishigaoka、Izumi-ku、 
Yokohama-city, Kanagawa,245-0006</t>
  </si>
  <si>
    <t>045-813-0221</t>
  </si>
  <si>
    <t>VISA、MASTER、JCB、AMEX、DINER</t>
  </si>
  <si>
    <t>≪ＭＩＣかながわ医療通訳≫
【対応言語】
ZH/KO/TL/PT/ES/EN/TH/VI/LO/RU/FR/NE/カンボジア語
【対応時間】
月-金:8:30-16:00</t>
    <rPh sb="65" eb="67">
      <t>タイオウ</t>
    </rPh>
    <rPh sb="67" eb="69">
      <t>ジカン</t>
    </rPh>
    <rPh sb="71" eb="72">
      <t>ゲツ</t>
    </rPh>
    <rPh sb="73" eb="74">
      <t>キン</t>
    </rPh>
    <phoneticPr fontId="9"/>
  </si>
  <si>
    <t>【対応言語】
多数（電話で要確認）</t>
    <rPh sb="1" eb="3">
      <t>タイオウ</t>
    </rPh>
    <rPh sb="3" eb="5">
      <t>ゲンゴ</t>
    </rPh>
    <rPh sb="7" eb="9">
      <t>タスウ</t>
    </rPh>
    <rPh sb="10" eb="12">
      <t>デンワ</t>
    </rPh>
    <rPh sb="13" eb="14">
      <t>ヨウ</t>
    </rPh>
    <rPh sb="14" eb="16">
      <t>カクニン</t>
    </rPh>
    <phoneticPr fontId="9"/>
  </si>
  <si>
    <t>○</t>
    <phoneticPr fontId="9"/>
  </si>
  <si>
    <t>iPad5台
翻訳ｱﾌﾟﾘ
(Google翻訳）
EN、ZH、KO、RU、ID、MS
ES、PT、MN、FR、DE、FA
BO、TL、NE、VI、TH、PO
RO、SI、HI、IT、KM、LO、
AR
24時間</t>
    <rPh sb="103" eb="105">
      <t>ジカン</t>
    </rPh>
    <phoneticPr fontId="9"/>
  </si>
  <si>
    <t>ザ・ブラフ・メディカル＆デンタル・クリニック</t>
    <phoneticPr fontId="9"/>
  </si>
  <si>
    <t>The Bluff Medical and Dental Clinic</t>
  </si>
  <si>
    <t>231-0862</t>
  </si>
  <si>
    <t>神奈川県横浜市中区山手町82</t>
    <phoneticPr fontId="9"/>
  </si>
  <si>
    <t>82,Yamate-cho, Naka-ku, Yokohama-shi ,Kanagawa,231-0862</t>
  </si>
  <si>
    <t>045-641-6961</t>
  </si>
  <si>
    <t>https://www.bluffclinic.com/ja/(日本語）
https://www.bluffclinic.com/（英語）</t>
    <rPh sb="32" eb="34">
      <t>ニホン</t>
    </rPh>
    <rPh sb="34" eb="35">
      <t>ゴ</t>
    </rPh>
    <rPh sb="66" eb="68">
      <t>エイゴ</t>
    </rPh>
    <phoneticPr fontId="9"/>
  </si>
  <si>
    <t>総合診療:EN,TL/歯科:EN</t>
    <rPh sb="0" eb="2">
      <t>ソウゴウ</t>
    </rPh>
    <phoneticPr fontId="9"/>
  </si>
  <si>
    <t>【対応言語】EN/TL
【対応時間】診療時間毎日</t>
    <rPh sb="1" eb="3">
      <t>タイオウ</t>
    </rPh>
    <rPh sb="3" eb="5">
      <t>ゲンゴ</t>
    </rPh>
    <rPh sb="13" eb="15">
      <t>タイオウ</t>
    </rPh>
    <rPh sb="15" eb="17">
      <t>ジカン</t>
    </rPh>
    <phoneticPr fontId="8"/>
  </si>
  <si>
    <t>【対応言語】EN/TL
【対応時間】
（月-金）09:00-12:30、13:30-17:00 
（土）09:00-13:00</t>
    <rPh sb="1" eb="3">
      <t>タイオウ</t>
    </rPh>
    <rPh sb="3" eb="5">
      <t>ゲンゴ</t>
    </rPh>
    <rPh sb="13" eb="15">
      <t>タイオウ</t>
    </rPh>
    <rPh sb="15" eb="17">
      <t>ジカン</t>
    </rPh>
    <rPh sb="20" eb="21">
      <t>ゲツ</t>
    </rPh>
    <rPh sb="22" eb="23">
      <t>キン</t>
    </rPh>
    <rPh sb="49" eb="52">
      <t>ド</t>
    </rPh>
    <phoneticPr fontId="9"/>
  </si>
  <si>
    <t>社会福祉法人恩賜財団済生会支部神奈川県済生会横浜市南部病院</t>
    <rPh sb="0" eb="29">
      <t>サイ</t>
    </rPh>
    <phoneticPr fontId="9"/>
  </si>
  <si>
    <t>Social Welfare Organization Imperial Gift Foundation, Inc.
SAISEIKAI YOKOHAMASHI NANBU HOSPITAL</t>
  </si>
  <si>
    <t>234-0054</t>
  </si>
  <si>
    <t>神奈川県横浜市港南区港南台三丁目2番10号</t>
    <rPh sb="0" eb="4">
      <t>カナガワケン</t>
    </rPh>
    <rPh sb="4" eb="21">
      <t>サイ</t>
    </rPh>
    <phoneticPr fontId="9"/>
  </si>
  <si>
    <t>3-2-10, Konandai,Konan-ku,Yokohama-shi,Kanagawa,234-0054</t>
  </si>
  <si>
    <t>045-832-1111</t>
  </si>
  <si>
    <t>VISA、Master、JCB、ｱﾒﾘｶﾝｴｷｽﾌﾟﾚｽ、ﾀﾞｲﾅｰｽｸﾗﾌﾞ、ﾃﾞｨｽｶﾊﾞｰ</t>
    <phoneticPr fontId="6"/>
  </si>
  <si>
    <t>湘南泉病院</t>
    <rPh sb="0" eb="5">
      <t>ショウナンイズミビョウイン</t>
    </rPh>
    <phoneticPr fontId="9"/>
  </si>
  <si>
    <t>Shounan Izumi Hospital</t>
  </si>
  <si>
    <t>245-0009</t>
  </si>
  <si>
    <t>神奈川県横浜市泉区新橋町1784番地</t>
    <rPh sb="0" eb="4">
      <t>カナガワケン</t>
    </rPh>
    <rPh sb="4" eb="7">
      <t>ヨコハマシ</t>
    </rPh>
    <rPh sb="7" eb="9">
      <t>イズミク</t>
    </rPh>
    <rPh sb="9" eb="12">
      <t>シンバシチョウ</t>
    </rPh>
    <rPh sb="16" eb="18">
      <t>バンチ</t>
    </rPh>
    <phoneticPr fontId="9"/>
  </si>
  <si>
    <t>1784,Shinbasichou,Izumi-ku,Yokohama-shi,Kanagawa,245-0009</t>
  </si>
  <si>
    <t>045-812-2288</t>
  </si>
  <si>
    <t>（月-金）9:00-11:30、14:00-15:30</t>
    <rPh sb="1" eb="2">
      <t>ゲツ</t>
    </rPh>
    <rPh sb="3" eb="4">
      <t>キン</t>
    </rPh>
    <phoneticPr fontId="9"/>
  </si>
  <si>
    <t>http://www.hoyukai.org/shonan-izumi/</t>
  </si>
  <si>
    <t>VISA、Master、Amex、JCB、Diners</t>
  </si>
  <si>
    <t>【対応言語】EN/TL
【対応時間】（月－金）9:00-17:00</t>
    <rPh sb="1" eb="3">
      <t>タイオウ</t>
    </rPh>
    <rPh sb="3" eb="5">
      <t>ゲンゴ</t>
    </rPh>
    <rPh sb="13" eb="15">
      <t>タイオウ</t>
    </rPh>
    <rPh sb="15" eb="17">
      <t>ジカン</t>
    </rPh>
    <rPh sb="19" eb="20">
      <t>ゲツ</t>
    </rPh>
    <rPh sb="21" eb="22">
      <t>キン</t>
    </rPh>
    <phoneticPr fontId="9"/>
  </si>
  <si>
    <t>すみれが丘クリニック</t>
    <rPh sb="4" eb="5">
      <t>オカ</t>
    </rPh>
    <phoneticPr fontId="9"/>
  </si>
  <si>
    <t>Sumiregaoka Clinic</t>
  </si>
  <si>
    <t>224-0013</t>
  </si>
  <si>
    <t>神奈川県横浜市都筑区すみれが丘6-3</t>
    <rPh sb="0" eb="4">
      <t>カナガワケン</t>
    </rPh>
    <rPh sb="4" eb="7">
      <t>ヨコハマシ</t>
    </rPh>
    <rPh sb="7" eb="10">
      <t>ツヅキク</t>
    </rPh>
    <rPh sb="14" eb="15">
      <t>オカ</t>
    </rPh>
    <phoneticPr fontId="9"/>
  </si>
  <si>
    <t>6-3,Sumiregaoka, Tsuzuki-ku, Yokohama-shi, Kanagawa,224-0013</t>
  </si>
  <si>
    <t>045-592-5050</t>
  </si>
  <si>
    <t>http://www.sumiregaoka-cl.com/</t>
  </si>
  <si>
    <t>独立行政法人地域医療機能推進機構　横浜中央病院</t>
    <rPh sb="0" eb="2">
      <t>ドクリツ</t>
    </rPh>
    <rPh sb="2" eb="4">
      <t>ギョウセイ</t>
    </rPh>
    <rPh sb="4" eb="6">
      <t>ホウジン</t>
    </rPh>
    <rPh sb="6" eb="8">
      <t>チイキ</t>
    </rPh>
    <rPh sb="8" eb="10">
      <t>イリョウ</t>
    </rPh>
    <rPh sb="10" eb="12">
      <t>キノウ</t>
    </rPh>
    <rPh sb="12" eb="14">
      <t>スイシン</t>
    </rPh>
    <rPh sb="14" eb="16">
      <t>キコウ</t>
    </rPh>
    <rPh sb="17" eb="19">
      <t>ヨコハマ</t>
    </rPh>
    <rPh sb="19" eb="21">
      <t>チュウオウ</t>
    </rPh>
    <rPh sb="21" eb="23">
      <t>ビョウイン</t>
    </rPh>
    <phoneticPr fontId="9"/>
  </si>
  <si>
    <t>JCHO Yokohama Chuo Hospital</t>
    <phoneticPr fontId="6"/>
  </si>
  <si>
    <t>231-8553</t>
  </si>
  <si>
    <t>神奈川県横浜市中区山下町268番地</t>
    <rPh sb="0" eb="4">
      <t>カナガワケン</t>
    </rPh>
    <rPh sb="4" eb="7">
      <t>ヨコハマシ</t>
    </rPh>
    <rPh sb="7" eb="9">
      <t>ナカク</t>
    </rPh>
    <rPh sb="9" eb="11">
      <t>ヤマシタ</t>
    </rPh>
    <rPh sb="11" eb="12">
      <t>チョウ</t>
    </rPh>
    <rPh sb="15" eb="17">
      <t>バンチ</t>
    </rPh>
    <phoneticPr fontId="9"/>
  </si>
  <si>
    <t>268,Yamashitacho, Naka-ku, Yokohama-shi, Kanagawa,231-8553</t>
  </si>
  <si>
    <t>045-641-1921</t>
  </si>
  <si>
    <t>http://yokohama.jcho.go.jp</t>
  </si>
  <si>
    <t>JCB、AMEX、VISA、MASTER、
DinersClub、DISCOVER、中国銀聯</t>
    <phoneticPr fontId="8"/>
  </si>
  <si>
    <t>EN/月～金 9:00-16:00、ZH/月～金 8:30-17:00、KO/月～金 9:00～15:00</t>
    <rPh sb="3" eb="5">
      <t>ゲツカラ</t>
    </rPh>
    <rPh sb="5" eb="6">
      <t>キン</t>
    </rPh>
    <rPh sb="21" eb="22">
      <t>ゲツ</t>
    </rPh>
    <rPh sb="23" eb="24">
      <t>キン</t>
    </rPh>
    <rPh sb="39" eb="40">
      <t>ゲツ</t>
    </rPh>
    <rPh sb="41" eb="42">
      <t>キン</t>
    </rPh>
    <phoneticPr fontId="9"/>
  </si>
  <si>
    <t>【対応言語】ZH
【対応時間】（月-金）8:30-17:00</t>
    <rPh sb="1" eb="3">
      <t>タイオウ</t>
    </rPh>
    <rPh sb="3" eb="5">
      <t>ゲンゴ</t>
    </rPh>
    <rPh sb="10" eb="12">
      <t>タイオウ</t>
    </rPh>
    <rPh sb="12" eb="14">
      <t>ジカン</t>
    </rPh>
    <rPh sb="16" eb="17">
      <t>ゲツ</t>
    </rPh>
    <rPh sb="18" eb="19">
      <t>キン</t>
    </rPh>
    <phoneticPr fontId="9"/>
  </si>
  <si>
    <t>戸塚共立第1病院</t>
    <rPh sb="0" eb="2">
      <t>トツカ</t>
    </rPh>
    <rPh sb="2" eb="4">
      <t>キョウリツ</t>
    </rPh>
    <rPh sb="4" eb="5">
      <t>ダイ</t>
    </rPh>
    <rPh sb="6" eb="8">
      <t>ビョウイン</t>
    </rPh>
    <phoneticPr fontId="9"/>
  </si>
  <si>
    <t>totsuka-kyouritsu-dai1
Hospital</t>
  </si>
  <si>
    <t>244-0003</t>
  </si>
  <si>
    <t>神奈川県横浜市戸塚区戸塚町116</t>
    <rPh sb="0" eb="4">
      <t>カナガワケン</t>
    </rPh>
    <rPh sb="4" eb="7">
      <t>ヨコハマシ</t>
    </rPh>
    <rPh sb="7" eb="10">
      <t>トツカク</t>
    </rPh>
    <rPh sb="10" eb="12">
      <t>トツカ</t>
    </rPh>
    <rPh sb="12" eb="13">
      <t>チョウ</t>
    </rPh>
    <phoneticPr fontId="9"/>
  </si>
  <si>
    <t>116,Totsukachou, Totsuka-ku,Yokohama-shi, Kanagawa,244-0003</t>
  </si>
  <si>
    <t>045-864-2501</t>
  </si>
  <si>
    <t>（月-金）8:30-12:00、13:30-16:30
（土）8:30-12:30
日祝、救急外来は24時間対応</t>
    <rPh sb="1" eb="2">
      <t>ゲツ</t>
    </rPh>
    <rPh sb="3" eb="4">
      <t>キン</t>
    </rPh>
    <rPh sb="29" eb="30">
      <t>ド</t>
    </rPh>
    <rPh sb="42" eb="43">
      <t>ニチ</t>
    </rPh>
    <rPh sb="43" eb="44">
      <t>シュク</t>
    </rPh>
    <rPh sb="45" eb="47">
      <t>キュウキュウ</t>
    </rPh>
    <rPh sb="47" eb="49">
      <t>ガイライ</t>
    </rPh>
    <rPh sb="52" eb="54">
      <t>ジカン</t>
    </rPh>
    <rPh sb="54" eb="56">
      <t>タイオウ</t>
    </rPh>
    <phoneticPr fontId="9"/>
  </si>
  <si>
    <t>http://www.tk1-hospital.com</t>
  </si>
  <si>
    <t>VISA、MASTER、JCB</t>
  </si>
  <si>
    <t>【対応言語】ZH
【対応時間】8:30-17:00（曜日は要問合せ）</t>
    <rPh sb="1" eb="3">
      <t>タイオウ</t>
    </rPh>
    <rPh sb="3" eb="5">
      <t>ゲンゴ</t>
    </rPh>
    <rPh sb="10" eb="12">
      <t>タイオウ</t>
    </rPh>
    <rPh sb="12" eb="14">
      <t>ジカン</t>
    </rPh>
    <rPh sb="26" eb="28">
      <t>ヨウビ</t>
    </rPh>
    <rPh sb="29" eb="30">
      <t>ヨウ</t>
    </rPh>
    <rPh sb="30" eb="32">
      <t>トイアワ</t>
    </rPh>
    <phoneticPr fontId="8"/>
  </si>
  <si>
    <t>≪横浜市電話医療通訳サービス≫
【対応言語】
EN/ZH/KO/PT/ES/TH/VI/ID/TL/NE/MS/FR/IT/DE/RU
【対応時間】
24時間</t>
  </si>
  <si>
    <t>ポケトークを使用</t>
    <rPh sb="6" eb="8">
      <t>シヨウ</t>
    </rPh>
    <phoneticPr fontId="8"/>
  </si>
  <si>
    <t>はせがわ内科クリニック</t>
    <rPh sb="4" eb="6">
      <t>ナイカ</t>
    </rPh>
    <phoneticPr fontId="9"/>
  </si>
  <si>
    <t>Hasegawa Medical Clinic</t>
  </si>
  <si>
    <t>240-0053</t>
  </si>
  <si>
    <t>454-1, Arai-cho, Hodogaya-ku, Yokohama-shi, Kanagawa,240-0053</t>
  </si>
  <si>
    <t>045-372-3131</t>
  </si>
  <si>
    <t>（月-金）8:45-12:00、14:15-18:00　
（土）8:45-12:00、13:45-16:30</t>
    <rPh sb="1" eb="2">
      <t>ゲツ</t>
    </rPh>
    <rPh sb="3" eb="4">
      <t>キン</t>
    </rPh>
    <rPh sb="30" eb="31">
      <t>ド</t>
    </rPh>
    <phoneticPr fontId="9"/>
  </si>
  <si>
    <t>http://www.hasegawa-naika.net/</t>
  </si>
  <si>
    <t xml:space="preserve">
【対応言語】EN
【対応時間】
（月-金）8:45-12:00、14:15-18:00　
（土）8:45-12:00、13:45-16:30</t>
    <rPh sb="2" eb="4">
      <t>タイオウ</t>
    </rPh>
    <rPh sb="4" eb="6">
      <t>ゲンゴ</t>
    </rPh>
    <rPh sb="11" eb="13">
      <t>タイオウ</t>
    </rPh>
    <rPh sb="13" eb="15">
      <t>ジカン</t>
    </rPh>
    <phoneticPr fontId="8"/>
  </si>
  <si>
    <t>はな眼科</t>
    <rPh sb="2" eb="4">
      <t>ガンカ</t>
    </rPh>
    <phoneticPr fontId="9"/>
  </si>
  <si>
    <t>Hana Eye Clinic</t>
  </si>
  <si>
    <t>225-0002</t>
  </si>
  <si>
    <t>横浜市青葉区美しが丘２－２０－１８ドムス有本２０１</t>
    <rPh sb="0" eb="7">
      <t>ヨコハマシアオバクウツク</t>
    </rPh>
    <rPh sb="9" eb="10">
      <t>オカ</t>
    </rPh>
    <rPh sb="20" eb="22">
      <t>アリモト</t>
    </rPh>
    <phoneticPr fontId="9"/>
  </si>
  <si>
    <t>201, Domus Arimoto, 2-20-18, Utsukushigaoka, Aoba-ku, Yokohama-shi, Kanagawa,225-0002</t>
  </si>
  <si>
    <t>045-903-1349</t>
  </si>
  <si>
    <t>（月・水）15:00-18:30 
（金）10:00-13:00 
（土）9:00-12:00</t>
    <rPh sb="1" eb="2">
      <t>ゲツ</t>
    </rPh>
    <rPh sb="3" eb="4">
      <t>スイ</t>
    </rPh>
    <rPh sb="19" eb="20">
      <t>キン</t>
    </rPh>
    <rPh sb="35" eb="36">
      <t>ド</t>
    </rPh>
    <phoneticPr fontId="9"/>
  </si>
  <si>
    <t>https://byoinnavi.jp/clinic/29831</t>
    <phoneticPr fontId="8"/>
  </si>
  <si>
    <t>ペイペイ</t>
    <phoneticPr fontId="8"/>
  </si>
  <si>
    <t>【対応言語】EN
【対応時間】
（月・水）15:00-16:30
（金）10:00-13:00 
（土）9:00-12:00</t>
    <rPh sb="1" eb="3">
      <t>タイオウ</t>
    </rPh>
    <rPh sb="3" eb="5">
      <t>ゲンゴ</t>
    </rPh>
    <rPh sb="10" eb="12">
      <t>タイオウ</t>
    </rPh>
    <rPh sb="12" eb="14">
      <t>ジカン</t>
    </rPh>
    <phoneticPr fontId="8"/>
  </si>
  <si>
    <t>東川島診療所</t>
    <rPh sb="0" eb="1">
      <t>ヒガシ</t>
    </rPh>
    <rPh sb="1" eb="3">
      <t>カワシマ</t>
    </rPh>
    <rPh sb="3" eb="6">
      <t>シンリョウジョ</t>
    </rPh>
    <phoneticPr fontId="9"/>
  </si>
  <si>
    <t>Higashikawashima-cl</t>
    <phoneticPr fontId="8"/>
  </si>
  <si>
    <t>240-0041</t>
  </si>
  <si>
    <t>神奈川県横浜市保土ケ谷区東川島町15-6</t>
    <phoneticPr fontId="9"/>
  </si>
  <si>
    <t>15-6,Higashikawashimacho, Hodogayaku, Yokohama, Kanagawa</t>
    <phoneticPr fontId="8"/>
  </si>
  <si>
    <t>045-373-9899</t>
  </si>
  <si>
    <t>（月－金）9:00-12:00</t>
    <rPh sb="1" eb="2">
      <t>ゲツ</t>
    </rPh>
    <rPh sb="3" eb="4">
      <t>キン</t>
    </rPh>
    <phoneticPr fontId="9"/>
  </si>
  <si>
    <t>http://www.higashikawashima-cl.com</t>
  </si>
  <si>
    <t>【対応言語】EN/ZH
【対応時間】（水・木・金）9:00-12:00</t>
    <rPh sb="1" eb="3">
      <t>タイオウ</t>
    </rPh>
    <rPh sb="3" eb="5">
      <t>ゲンゴ</t>
    </rPh>
    <rPh sb="13" eb="15">
      <t>タイオウ</t>
    </rPh>
    <rPh sb="15" eb="17">
      <t>ジカン</t>
    </rPh>
    <rPh sb="19" eb="20">
      <t>スイ</t>
    </rPh>
    <rPh sb="21" eb="22">
      <t>モク</t>
    </rPh>
    <rPh sb="23" eb="24">
      <t>キン</t>
    </rPh>
    <phoneticPr fontId="8"/>
  </si>
  <si>
    <t>【対応言語】EN ZH</t>
    <rPh sb="1" eb="3">
      <t>タイオウ</t>
    </rPh>
    <rPh sb="3" eb="5">
      <t>ゲンゴ</t>
    </rPh>
    <phoneticPr fontId="8"/>
  </si>
  <si>
    <t>ポーラのクリニック</t>
    <phoneticPr fontId="9"/>
  </si>
  <si>
    <t>paula`s clinic</t>
  </si>
  <si>
    <t>231-0032</t>
  </si>
  <si>
    <t>横浜市中区不老町3-14-5　中外ビル2Ｆ</t>
    <rPh sb="0" eb="3">
      <t>ヨコハマシ</t>
    </rPh>
    <rPh sb="3" eb="5">
      <t>ナカク</t>
    </rPh>
    <rPh sb="5" eb="7">
      <t>フロウ</t>
    </rPh>
    <rPh sb="7" eb="8">
      <t>チョウ</t>
    </rPh>
    <rPh sb="15" eb="17">
      <t>チュウガイ</t>
    </rPh>
    <phoneticPr fontId="9"/>
  </si>
  <si>
    <t>Chuugai bill 2F, 3-14-5, Fulouchou,Naka-ku,Yokohama-shi,Kanagawa,231-0032</t>
  </si>
  <si>
    <t>045-222-8461</t>
    <phoneticPr fontId="6"/>
  </si>
  <si>
    <t>（月・火・木・金・土）　9:00-11:30　
（月・火）14:00-16:30</t>
    <rPh sb="1" eb="2">
      <t>ゲツ</t>
    </rPh>
    <rPh sb="3" eb="4">
      <t>カ</t>
    </rPh>
    <rPh sb="5" eb="6">
      <t>モク</t>
    </rPh>
    <rPh sb="7" eb="8">
      <t>キン</t>
    </rPh>
    <rPh sb="9" eb="10">
      <t>ド</t>
    </rPh>
    <rPh sb="25" eb="26">
      <t>ゲツ</t>
    </rPh>
    <rPh sb="27" eb="28">
      <t>カ</t>
    </rPh>
    <phoneticPr fontId="9"/>
  </si>
  <si>
    <t>http://paulasclinic.com/</t>
  </si>
  <si>
    <t>【対応言語】ＥＮ
【対応時間】
（月・火・木・金・土）　9:00-11:30　
（月・火）14:00-16:30</t>
    <rPh sb="1" eb="3">
      <t>タイオウ</t>
    </rPh>
    <rPh sb="3" eb="5">
      <t>ゲンゴ</t>
    </rPh>
    <rPh sb="10" eb="12">
      <t>タイオウ</t>
    </rPh>
    <rPh sb="12" eb="14">
      <t>ジカン</t>
    </rPh>
    <phoneticPr fontId="8"/>
  </si>
  <si>
    <t>松川歯科医院</t>
    <rPh sb="0" eb="2">
      <t>マツカワ</t>
    </rPh>
    <rPh sb="2" eb="4">
      <t>シカ</t>
    </rPh>
    <rPh sb="4" eb="6">
      <t>イイン</t>
    </rPh>
    <phoneticPr fontId="9"/>
  </si>
  <si>
    <t>MATSUKAWA DENTAL OFFCE</t>
  </si>
  <si>
    <t>232-0006</t>
  </si>
  <si>
    <t>横浜市南区南太田1-28-2</t>
    <rPh sb="0" eb="3">
      <t>ヨコハマシ</t>
    </rPh>
    <rPh sb="3" eb="5">
      <t>ミナミク</t>
    </rPh>
    <rPh sb="5" eb="6">
      <t>ミナミ</t>
    </rPh>
    <rPh sb="6" eb="8">
      <t>オオタ</t>
    </rPh>
    <phoneticPr fontId="9"/>
  </si>
  <si>
    <t>1-28-2,Minamiota,Minami-Ward,Yokohama-City, Kanagawa,232-0006　　</t>
  </si>
  <si>
    <t>045-713-4682</t>
  </si>
  <si>
    <t>（月・火・水・金）9:30～11:45、14:00～18:45
（土）9:30～11:45、14:00～15:45
休診日:木・日</t>
    <phoneticPr fontId="9"/>
  </si>
  <si>
    <t>http://matsukawadental.com</t>
  </si>
  <si>
    <t>歯科診療所</t>
    <rPh sb="0" eb="2">
      <t>シカ</t>
    </rPh>
    <rPh sb="2" eb="5">
      <t>シンリョウジョ</t>
    </rPh>
    <phoneticPr fontId="9"/>
  </si>
  <si>
    <t>【対応時間】09:30‐18:00</t>
    <rPh sb="1" eb="3">
      <t>タイオウ</t>
    </rPh>
    <rPh sb="3" eb="5">
      <t>ジカン</t>
    </rPh>
    <phoneticPr fontId="8"/>
  </si>
  <si>
    <t>【対応言語】
EN.ZH.KO.ID（ほか通訳アプリを使って約６０カ国語対応）
【対応可能日時】
09:30~12:00 14:00~18:00</t>
    <rPh sb="41" eb="43">
      <t>タイオウ</t>
    </rPh>
    <rPh sb="43" eb="45">
      <t>カノウ</t>
    </rPh>
    <rPh sb="45" eb="47">
      <t>ニチジ</t>
    </rPh>
    <phoneticPr fontId="9"/>
  </si>
  <si>
    <t>みなとクリニック</t>
    <phoneticPr fontId="9"/>
  </si>
  <si>
    <t>Minato Clinic</t>
  </si>
  <si>
    <t>231-0806</t>
  </si>
  <si>
    <t>神奈川県横浜市中区本牧町1-7</t>
    <phoneticPr fontId="9"/>
  </si>
  <si>
    <t>1-7,Hommokucho, Naka-ku, Yokohama-shi, Kanagawa</t>
    <phoneticPr fontId="8"/>
  </si>
  <si>
    <t>045-623-6633</t>
  </si>
  <si>
    <t>（月-土）9:00-12:00、14:30-18:00
日・祝日/お休み
夜間対応/不可</t>
    <rPh sb="1" eb="2">
      <t>ゲツ</t>
    </rPh>
    <rPh sb="3" eb="4">
      <t>ツチ</t>
    </rPh>
    <rPh sb="28" eb="29">
      <t>ニチ</t>
    </rPh>
    <rPh sb="30" eb="31">
      <t>シュク</t>
    </rPh>
    <rPh sb="31" eb="32">
      <t>ヒ</t>
    </rPh>
    <rPh sb="34" eb="35">
      <t>ヤス</t>
    </rPh>
    <rPh sb="37" eb="39">
      <t>ヤカン</t>
    </rPh>
    <rPh sb="39" eb="41">
      <t>タイオウ</t>
    </rPh>
    <rPh sb="42" eb="44">
      <t>フカ</t>
    </rPh>
    <phoneticPr fontId="9"/>
  </si>
  <si>
    <t>http://www.minato6633.com</t>
  </si>
  <si>
    <t>【対応言語】EN/ZH
【対応時間】
（月-土）9:00-12:00、14:30-18:00</t>
    <rPh sb="1" eb="3">
      <t>タイオウ</t>
    </rPh>
    <rPh sb="3" eb="5">
      <t>ゲンゴ</t>
    </rPh>
    <rPh sb="13" eb="15">
      <t>タイオウ</t>
    </rPh>
    <rPh sb="15" eb="17">
      <t>ジカン</t>
    </rPh>
    <phoneticPr fontId="8"/>
  </si>
  <si>
    <t>横浜市立市民病院</t>
    <rPh sb="0" eb="3">
      <t>ヨコハマシ</t>
    </rPh>
    <rPh sb="3" eb="4">
      <t>リツ</t>
    </rPh>
    <rPh sb="4" eb="6">
      <t>シミン</t>
    </rPh>
    <rPh sb="6" eb="8">
      <t>ビョウイン</t>
    </rPh>
    <phoneticPr fontId="9"/>
  </si>
  <si>
    <t>Yokohama Municipal Citizen's Hospital</t>
    <phoneticPr fontId="8"/>
  </si>
  <si>
    <t>221-0855</t>
    <phoneticPr fontId="8"/>
  </si>
  <si>
    <t>神奈川県横浜市神奈川区三ツ沢西町１-１</t>
    <rPh sb="0" eb="4">
      <t>カナガワケン</t>
    </rPh>
    <rPh sb="4" eb="7">
      <t>ヨコハマシ</t>
    </rPh>
    <rPh sb="7" eb="11">
      <t>カナガワク</t>
    </rPh>
    <rPh sb="11" eb="12">
      <t>ミ</t>
    </rPh>
    <rPh sb="13" eb="14">
      <t>ザワ</t>
    </rPh>
    <rPh sb="14" eb="15">
      <t>ニシ</t>
    </rPh>
    <rPh sb="15" eb="16">
      <t>マチ</t>
    </rPh>
    <phoneticPr fontId="9"/>
  </si>
  <si>
    <t>１-１,Mitsuzawanishimachi,Kanagawa-ku,Yokohama-shi,Kanagawa,221-0855</t>
    <phoneticPr fontId="8"/>
  </si>
  <si>
    <t>045-316-4580</t>
    <phoneticPr fontId="8"/>
  </si>
  <si>
    <t>https://yokohama-shiminhosp.jp/index.html（日本語）
https://yokohama-shiminhosp.jp/en/index.html（英語）</t>
    <phoneticPr fontId="9"/>
  </si>
  <si>
    <t>〇</t>
    <phoneticPr fontId="8"/>
  </si>
  <si>
    <t>【対応言語】EN/ZH/MS
【対応時間】月曜 9:00-17:00:</t>
    <rPh sb="1" eb="3">
      <t>タイオウ</t>
    </rPh>
    <rPh sb="3" eb="5">
      <t>ゲンゴ</t>
    </rPh>
    <rPh sb="16" eb="18">
      <t>タイオウ</t>
    </rPh>
    <rPh sb="18" eb="20">
      <t>ジカン</t>
    </rPh>
    <phoneticPr fontId="8"/>
  </si>
  <si>
    <t>【対応言語】EN/ZH/MS
【対応時間】（平日）9:00-17:00:</t>
    <rPh sb="1" eb="3">
      <t>タイオウ</t>
    </rPh>
    <rPh sb="3" eb="5">
      <t>ゲンゴ</t>
    </rPh>
    <rPh sb="16" eb="18">
      <t>タイオウ</t>
    </rPh>
    <rPh sb="18" eb="20">
      <t>ジカン</t>
    </rPh>
    <rPh sb="22" eb="24">
      <t>ヘイジツ</t>
    </rPh>
    <phoneticPr fontId="8"/>
  </si>
  <si>
    <t>外来受診時の簡易な会話や病棟での日常会話の補助等にポケトークを使用</t>
    <rPh sb="0" eb="2">
      <t>ガイライ</t>
    </rPh>
    <rPh sb="2" eb="4">
      <t>ジュシン</t>
    </rPh>
    <rPh sb="4" eb="5">
      <t>ジ</t>
    </rPh>
    <rPh sb="6" eb="8">
      <t>カンイ</t>
    </rPh>
    <rPh sb="9" eb="11">
      <t>カイワ</t>
    </rPh>
    <rPh sb="12" eb="14">
      <t>ビョウトウ</t>
    </rPh>
    <rPh sb="16" eb="20">
      <t>ニチジョウカイワ</t>
    </rPh>
    <rPh sb="21" eb="23">
      <t>ホジョ</t>
    </rPh>
    <rPh sb="23" eb="24">
      <t>トウ</t>
    </rPh>
    <rPh sb="31" eb="33">
      <t>シヨウ</t>
    </rPh>
    <phoneticPr fontId="8"/>
  </si>
  <si>
    <t>横浜市立大学附属病院</t>
    <rPh sb="0" eb="10">
      <t>ヨコハマシリツダイガクフゾクビョウイン</t>
    </rPh>
    <phoneticPr fontId="9"/>
  </si>
  <si>
    <t>YOKOHAMA CITY UNIVERSITY HOSPITAL</t>
  </si>
  <si>
    <t>236-0004</t>
  </si>
  <si>
    <t>神奈川県横浜市金沢区福浦3-9</t>
    <rPh sb="0" eb="4">
      <t>カナガワケン</t>
    </rPh>
    <rPh sb="4" eb="7">
      <t>ヨコハマシ</t>
    </rPh>
    <rPh sb="7" eb="10">
      <t>カナザワク</t>
    </rPh>
    <rPh sb="10" eb="12">
      <t>フクウラ</t>
    </rPh>
    <phoneticPr fontId="9"/>
  </si>
  <si>
    <t>3-9,Fukuura,Kanazawa-ku,Yokohama-shi,Kanagawa,236-0004</t>
  </si>
  <si>
    <t>045-787-2800</t>
  </si>
  <si>
    <t>https://www.yokohama-cu.ac.jp/fukuhp/
（日本語）
https://www.yokohama-cu.ac.jp/fukuhp/eng/
（英語）</t>
    <rPh sb="39" eb="42">
      <t>ニホンゴ</t>
    </rPh>
    <rPh sb="87" eb="89">
      <t>エイゴ</t>
    </rPh>
    <phoneticPr fontId="9"/>
  </si>
  <si>
    <t>VISA、MASTER、AMEX、Diners Club、JCB、DC、Discover</t>
    <phoneticPr fontId="8"/>
  </si>
  <si>
    <t>デビッドカード</t>
    <phoneticPr fontId="8"/>
  </si>
  <si>
    <t>（必要に応じて外部機関へ依頼しますので、事前にご連絡ください）
EN/ZH/KO/PT/ES/TL/TH/VI/朝鮮語/カンボジア語</t>
    <rPh sb="1" eb="3">
      <t>ヒツヨウ</t>
    </rPh>
    <rPh sb="4" eb="5">
      <t>オウ</t>
    </rPh>
    <rPh sb="7" eb="9">
      <t>ガイブ</t>
    </rPh>
    <rPh sb="9" eb="11">
      <t>キカン</t>
    </rPh>
    <rPh sb="12" eb="14">
      <t>イライ</t>
    </rPh>
    <rPh sb="20" eb="22">
      <t>ジゼン</t>
    </rPh>
    <rPh sb="24" eb="26">
      <t>レンラク</t>
    </rPh>
    <rPh sb="56" eb="59">
      <t>チョウセンゴ</t>
    </rPh>
    <rPh sb="65" eb="66">
      <t>ゴ</t>
    </rPh>
    <phoneticPr fontId="9"/>
  </si>
  <si>
    <t>○</t>
    <phoneticPr fontId="8"/>
  </si>
  <si>
    <t>自動翻訳機（ポケトーク）を使用</t>
    <rPh sb="0" eb="2">
      <t>ジドウ</t>
    </rPh>
    <rPh sb="2" eb="4">
      <t>ホンヤク</t>
    </rPh>
    <rPh sb="4" eb="5">
      <t>キ</t>
    </rPh>
    <rPh sb="13" eb="15">
      <t>シヨウ</t>
    </rPh>
    <phoneticPr fontId="8"/>
  </si>
  <si>
    <t>横浜市立みなと赤十字病院</t>
    <rPh sb="0" eb="4">
      <t>ヨコハマシリツ</t>
    </rPh>
    <rPh sb="7" eb="10">
      <t>セキジュウジ</t>
    </rPh>
    <rPh sb="10" eb="12">
      <t>ビョウイン</t>
    </rPh>
    <phoneticPr fontId="9"/>
  </si>
  <si>
    <t>Yokohama City Minato Red Cross Hospital</t>
  </si>
  <si>
    <t>231-8682</t>
  </si>
  <si>
    <t>神奈川県横浜市中区新山下3-12-1</t>
    <phoneticPr fontId="9"/>
  </si>
  <si>
    <t>3-12-1,Shinyamashita, Naka-ku, Yokohama</t>
    <phoneticPr fontId="8"/>
  </si>
  <si>
    <t>045-628-6100</t>
  </si>
  <si>
    <t>http://www.yokohama.jrc.or.jp/（日本語）
http://www.yokohama.jrc.or.jp/en/（英語）</t>
    <rPh sb="31" eb="33">
      <t>ニホン</t>
    </rPh>
    <rPh sb="33" eb="34">
      <t>ゴ</t>
    </rPh>
    <rPh sb="70" eb="72">
      <t>エイゴ</t>
    </rPh>
    <phoneticPr fontId="8"/>
  </si>
  <si>
    <t>デビットカード</t>
    <phoneticPr fontId="8"/>
  </si>
  <si>
    <t>【対応言語】EN
【対応時間】（月-金）8:30-17:00</t>
    <rPh sb="1" eb="3">
      <t>タイオウ</t>
    </rPh>
    <rPh sb="3" eb="5">
      <t>ゲンゴ</t>
    </rPh>
    <rPh sb="10" eb="12">
      <t>タイオウ</t>
    </rPh>
    <rPh sb="12" eb="14">
      <t>ジカン</t>
    </rPh>
    <rPh sb="16" eb="17">
      <t>ゲツ</t>
    </rPh>
    <rPh sb="18" eb="19">
      <t>キン</t>
    </rPh>
    <phoneticPr fontId="2"/>
  </si>
  <si>
    <t xml:space="preserve">≪ビデオ通訳≫　
24時間:EN/ZH/KO/PT/ES
平日9:00～18:00:RU/NE/HI/ID
365日9:00～21:00:TH　
365日9:00～20:00:VI
平日9:00～19:00:FR/TL　
</t>
  </si>
  <si>
    <t>医療法人社団慶博会　関内医院</t>
    <rPh sb="10" eb="12">
      <t>カンナイ</t>
    </rPh>
    <phoneticPr fontId="9"/>
  </si>
  <si>
    <t>Medical Corporation KEIHAKUKAI Kannai Medical Clinic</t>
  </si>
  <si>
    <t>231-0015</t>
  </si>
  <si>
    <t>神奈川県横浜市中区尾上町5-76　明治屋尾上町ビル3階</t>
    <rPh sb="0" eb="4">
      <t>カナガワケン</t>
    </rPh>
    <rPh sb="26" eb="27">
      <t>カイ</t>
    </rPh>
    <phoneticPr fontId="9"/>
  </si>
  <si>
    <t>MeidiyaonoechoBLDG.3F,5-76,Onoe-cho, Naka-ku, Yokohama-shi,Kanagawa,231-0015</t>
  </si>
  <si>
    <t>045-663-7161</t>
  </si>
  <si>
    <t>https://www.kannai-iin.com/（日本語）</t>
    <rPh sb="28" eb="30">
      <t>ニホン</t>
    </rPh>
    <rPh sb="30" eb="31">
      <t>ゴ</t>
    </rPh>
    <phoneticPr fontId="9"/>
  </si>
  <si>
    <t>【対応言語】EN
対応時間は要問合せ</t>
    <rPh sb="1" eb="3">
      <t>タイオウ</t>
    </rPh>
    <rPh sb="3" eb="5">
      <t>ゲンゴ</t>
    </rPh>
    <rPh sb="9" eb="11">
      <t>タイオウ</t>
    </rPh>
    <rPh sb="11" eb="13">
      <t>ジカン</t>
    </rPh>
    <rPh sb="14" eb="15">
      <t>ヨウ</t>
    </rPh>
    <rPh sb="15" eb="17">
      <t>トイアワ</t>
    </rPh>
    <phoneticPr fontId="8"/>
  </si>
  <si>
    <t>医療法人社団慶博会　つなしま医院</t>
    <phoneticPr fontId="9"/>
  </si>
  <si>
    <t>Medical Corporation KEIHAKUKAI Tsunashima Medical Clinic</t>
  </si>
  <si>
    <t>223-0052</t>
  </si>
  <si>
    <t>神奈川県横浜市港北区綱島東1-6-10　Ｔ’ｓＢＲＩＧＨＴＩＡ綱島3階</t>
    <rPh sb="0" eb="4">
      <t>カナガワケン</t>
    </rPh>
    <rPh sb="34" eb="35">
      <t>カイ</t>
    </rPh>
    <phoneticPr fontId="9"/>
  </si>
  <si>
    <t>T's BRIGHTIA Tsunashima 3F, Tsunashimahigashi, Kohuku-ku, Yokohama-shi,Kanagawa,223-0052</t>
  </si>
  <si>
    <t>045-531-1212</t>
  </si>
  <si>
    <t>http://www.tsunashima-iin.com/（日本語）</t>
    <rPh sb="31" eb="33">
      <t>ニホン</t>
    </rPh>
    <rPh sb="33" eb="34">
      <t>ゴ</t>
    </rPh>
    <phoneticPr fontId="9"/>
  </si>
  <si>
    <t>【対応言語】EN
対応時間は要問合せ</t>
    <rPh sb="1" eb="3">
      <t>タイオウ</t>
    </rPh>
    <rPh sb="3" eb="5">
      <t>ゲンゴ</t>
    </rPh>
    <phoneticPr fontId="8"/>
  </si>
  <si>
    <t>医療法人社団慶博会　村山クリニック</t>
    <phoneticPr fontId="9"/>
  </si>
  <si>
    <t>Medical Corporation KEIHAKUKAI Murayama Clinic</t>
  </si>
  <si>
    <t>232-0021</t>
  </si>
  <si>
    <t>神奈川県横浜市南区真金町1-7</t>
    <rPh sb="0" eb="4">
      <t>カナガワケン</t>
    </rPh>
    <phoneticPr fontId="9"/>
  </si>
  <si>
    <t>1-7, Magane-cho, Minami-ku, Yokohama-shi,Kanagawa,232-0021</t>
  </si>
  <si>
    <t>045-251-2500</t>
  </si>
  <si>
    <t>（月-土）9:00‐12:30、15:00‐17:30
※担当医師が不在の場合もありますので、来院前にご連絡ください。</t>
    <rPh sb="1" eb="2">
      <t>ゲツ</t>
    </rPh>
    <rPh sb="3" eb="4">
      <t>ツチ</t>
    </rPh>
    <rPh sb="29" eb="31">
      <t>タントウ</t>
    </rPh>
    <rPh sb="31" eb="33">
      <t>イシ</t>
    </rPh>
    <rPh sb="34" eb="36">
      <t>フザイ</t>
    </rPh>
    <rPh sb="37" eb="39">
      <t>バアイ</t>
    </rPh>
    <rPh sb="47" eb="49">
      <t>ライイン</t>
    </rPh>
    <rPh sb="49" eb="50">
      <t>マエ</t>
    </rPh>
    <rPh sb="52" eb="54">
      <t>レンラク</t>
    </rPh>
    <phoneticPr fontId="9"/>
  </si>
  <si>
    <t>https://www.murayama-cl.com/（日本語）</t>
    <rPh sb="29" eb="32">
      <t>ニホンゴ</t>
    </rPh>
    <phoneticPr fontId="9"/>
  </si>
  <si>
    <t>【対応言語】EN/(ZH)
対応日時は要問合せ
中国語が話せるスタッフによる受付あり（不定期）</t>
    <rPh sb="1" eb="3">
      <t>タイオウ</t>
    </rPh>
    <rPh sb="3" eb="5">
      <t>ゲンゴ</t>
    </rPh>
    <phoneticPr fontId="8"/>
  </si>
  <si>
    <t>医療法人社団緑十字クリニック</t>
    <phoneticPr fontId="9"/>
  </si>
  <si>
    <t>Midorijuji clinic</t>
  </si>
  <si>
    <t>225-0011</t>
  </si>
  <si>
    <t>神奈川県横浜市青葉区あざみ野2-19-10</t>
    <rPh sb="0" eb="4">
      <t>カナガワケン</t>
    </rPh>
    <rPh sb="4" eb="7">
      <t>アオバク</t>
    </rPh>
    <phoneticPr fontId="9"/>
  </si>
  <si>
    <t>2-19-10, Azamino, Aoba-ku, Yokohama-shi, Kanagawa,225-0011</t>
  </si>
  <si>
    <t>045-902-3220</t>
  </si>
  <si>
    <t>（月-土） 9:00-12:00 
（月-金）14:00-18:30</t>
    <rPh sb="1" eb="2">
      <t>ゲツ</t>
    </rPh>
    <phoneticPr fontId="9"/>
  </si>
  <si>
    <t>http://green-cross-clinic.com</t>
  </si>
  <si>
    <t>VISA、MASTER、American Express、Diners Club、Discover</t>
  </si>
  <si>
    <t>交通系マネー, Ali pay, Wechat pay, D払い</t>
    <rPh sb="0" eb="1">
      <t>ハライ</t>
    </rPh>
    <phoneticPr fontId="9"/>
  </si>
  <si>
    <t xml:space="preserve">【対応言語と対応時間】
EN:水（9:00-12:00 14:00-18:00）、第2・第3土曜日（9:00-12:00）　
ＤE:月火（9:00-12:00 14:00-18:00）、第1・第4土曜日（9:00-12:00） </t>
    <rPh sb="1" eb="3">
      <t>タイオウ</t>
    </rPh>
    <rPh sb="3" eb="5">
      <t>ゲンゴ</t>
    </rPh>
    <rPh sb="6" eb="8">
      <t>タイオウ</t>
    </rPh>
    <rPh sb="8" eb="10">
      <t>ジカン</t>
    </rPh>
    <phoneticPr fontId="8"/>
  </si>
  <si>
    <t>菊名記念病院</t>
    <phoneticPr fontId="9"/>
  </si>
  <si>
    <t>Kikuna Memorial Hospital</t>
  </si>
  <si>
    <t>222-0011</t>
  </si>
  <si>
    <t>神奈川県横浜市港北区菊名4-4-27</t>
    <rPh sb="0" eb="4">
      <t>カナガワケン</t>
    </rPh>
    <phoneticPr fontId="9"/>
  </si>
  <si>
    <t>4-4-27，Kikuna,Kouhoku－ku，Yokohama-shi，Kanagawa,222-0011</t>
  </si>
  <si>
    <t>045-402-7111</t>
  </si>
  <si>
    <t>https://kmh.or.jp</t>
  </si>
  <si>
    <t>Visa、JCB、MASTER、AMEX、Diners Club</t>
    <phoneticPr fontId="8"/>
  </si>
  <si>
    <t>社会福祉法人恩賜財団済生会横浜市東部病院</t>
    <phoneticPr fontId="9"/>
  </si>
  <si>
    <t>Saiseikai Yokohama-shi tobu Hospital</t>
  </si>
  <si>
    <t>230-8765</t>
  </si>
  <si>
    <t>神奈川県横浜市鶴見区下末吉3-6-1</t>
    <phoneticPr fontId="9"/>
  </si>
  <si>
    <t>3-6-1,Shimosueyoshi,Tsurumi Ward, Yokohama, Kanagawa ,230-8765</t>
  </si>
  <si>
    <t>045-576-3000</t>
  </si>
  <si>
    <t>http://www.tobu.saiseikai.or.jp/ (日本語)
http://www.tobu.saiseikai.or.jp/en/ (英語)</t>
  </si>
  <si>
    <t>【対応言語】EN/KO
【対応時間】（平日）8:30～17:00</t>
    <rPh sb="1" eb="3">
      <t>タイオウ</t>
    </rPh>
    <rPh sb="3" eb="5">
      <t>ゲンゴ</t>
    </rPh>
    <rPh sb="13" eb="15">
      <t>タイオウ</t>
    </rPh>
    <rPh sb="15" eb="17">
      <t>ジカン</t>
    </rPh>
    <rPh sb="19" eb="21">
      <t>ヘイジツ</t>
    </rPh>
    <phoneticPr fontId="8"/>
  </si>
  <si>
    <t>【対応言語】EN
【対応時間】（平日）8：30～17：00</t>
    <rPh sb="1" eb="3">
      <t>タイオウ</t>
    </rPh>
    <rPh sb="3" eb="5">
      <t>ゲンゴ</t>
    </rPh>
    <rPh sb="10" eb="12">
      <t>タイオウ</t>
    </rPh>
    <rPh sb="12" eb="14">
      <t>ジカン</t>
    </rPh>
    <rPh sb="16" eb="18">
      <t>ヘイジツ</t>
    </rPh>
    <phoneticPr fontId="8"/>
  </si>
  <si>
    <t>【対応言語】ZH/KO/HI/MS/VI/TL/TH/AR/EN/FR/DE/IT/ES/PT/RU/NE/ID/KM/MN
【対応可能日時】
24時間</t>
    <rPh sb="1" eb="3">
      <t>タイオウ</t>
    </rPh>
    <rPh sb="3" eb="5">
      <t>ゲンゴ</t>
    </rPh>
    <rPh sb="64" eb="66">
      <t>タイオウ</t>
    </rPh>
    <rPh sb="66" eb="68">
      <t>カノウ</t>
    </rPh>
    <rPh sb="68" eb="70">
      <t>ニチジ</t>
    </rPh>
    <rPh sb="74" eb="76">
      <t>ジカン</t>
    </rPh>
    <phoneticPr fontId="8"/>
  </si>
  <si>
    <t>機械翻訳MELONを使用</t>
    <rPh sb="0" eb="2">
      <t>キカイ</t>
    </rPh>
    <rPh sb="2" eb="4">
      <t>ホンヤク</t>
    </rPh>
    <rPh sb="10" eb="12">
      <t>シヨウ</t>
    </rPh>
    <phoneticPr fontId="8"/>
  </si>
  <si>
    <t>222-0033</t>
  </si>
  <si>
    <t>神奈川県横浜市港北区新横浜2-6-13新横浜ステーションビル２階</t>
    <rPh sb="0" eb="4">
      <t>カナガワケン</t>
    </rPh>
    <rPh sb="4" eb="7">
      <t>ヨコハマシ</t>
    </rPh>
    <rPh sb="7" eb="10">
      <t>コウホクク</t>
    </rPh>
    <rPh sb="10" eb="13">
      <t>シンヨコハマ</t>
    </rPh>
    <rPh sb="19" eb="22">
      <t>シンヨコハマ</t>
    </rPh>
    <rPh sb="31" eb="32">
      <t>カイ</t>
    </rPh>
    <phoneticPr fontId="9"/>
  </si>
  <si>
    <t>2-6-13, Shinyokohama, Kouhoku-ku, Yokohama-shi, Kanagawa,222-0033</t>
  </si>
  <si>
    <t>045-476-9009</t>
  </si>
  <si>
    <t>（月・火・木・金）9:45-13:45、15:45-18:45　
（水）9:45-13:45　
（土）9:45-12:45</t>
    <rPh sb="1" eb="2">
      <t>ゲツ</t>
    </rPh>
    <rPh sb="3" eb="4">
      <t>カ</t>
    </rPh>
    <rPh sb="5" eb="6">
      <t>モク</t>
    </rPh>
    <rPh sb="7" eb="8">
      <t>キン</t>
    </rPh>
    <rPh sb="34" eb="35">
      <t>スイ</t>
    </rPh>
    <rPh sb="49" eb="50">
      <t>ド</t>
    </rPh>
    <phoneticPr fontId="9"/>
  </si>
  <si>
    <t>http://www.shinkawa-shinyokohama.com</t>
  </si>
  <si>
    <t>【対応言語】EN/ZH
【対応時間】診療時間内</t>
  </si>
  <si>
    <t>柳沼眼科医院</t>
    <phoneticPr fontId="9"/>
  </si>
  <si>
    <t>Yaginuma Eye Clinic</t>
  </si>
  <si>
    <t>236-0042</t>
  </si>
  <si>
    <t>神奈川県横浜市金沢区釜利谷東2-20-28</t>
    <phoneticPr fontId="9"/>
  </si>
  <si>
    <t>2-20-28,Kamariyahigashi, Kanazawa-ku, Yokohama-shi, Kanagawa,236-0042</t>
  </si>
  <si>
    <t>045-786-1100</t>
    <phoneticPr fontId="9"/>
  </si>
  <si>
    <t>【対応言語】EN/KO
【対応時間】
（月・木）8:30-12:00、14:30-18:00
（火・水・金）8:30-12:00</t>
    <rPh sb="1" eb="3">
      <t>タイオウ</t>
    </rPh>
    <rPh sb="3" eb="5">
      <t>ゲンゴ</t>
    </rPh>
    <rPh sb="13" eb="15">
      <t>タイオウ</t>
    </rPh>
    <rPh sb="15" eb="17">
      <t>ジカン</t>
    </rPh>
    <phoneticPr fontId="8"/>
  </si>
  <si>
    <t>鶴見大学歯学部附属病院</t>
    <rPh sb="0" eb="2">
      <t>ツルミ</t>
    </rPh>
    <rPh sb="2" eb="4">
      <t>ダイガク</t>
    </rPh>
    <rPh sb="4" eb="7">
      <t>シガクブ</t>
    </rPh>
    <rPh sb="7" eb="9">
      <t>フゾク</t>
    </rPh>
    <rPh sb="9" eb="11">
      <t>ビョウイン</t>
    </rPh>
    <phoneticPr fontId="9"/>
  </si>
  <si>
    <t>Tsurumi　University　Dental　Hospital</t>
  </si>
  <si>
    <t>230-8501</t>
  </si>
  <si>
    <t>神奈川県横浜市鶴見区鶴見２－１－３</t>
    <rPh sb="0" eb="4">
      <t>カナガワケン</t>
    </rPh>
    <rPh sb="4" eb="7">
      <t>ヨコハマシ</t>
    </rPh>
    <rPh sb="7" eb="10">
      <t>ツルミク</t>
    </rPh>
    <rPh sb="10" eb="12">
      <t>ツルミ</t>
    </rPh>
    <phoneticPr fontId="9"/>
  </si>
  <si>
    <t>2-1-3,Tsurumi, Tsurumi-ku, Yokohama-shi,Kanagawa,230-8501</t>
    <phoneticPr fontId="6"/>
  </si>
  <si>
    <t>045-580-8500　(代）</t>
    <rPh sb="14" eb="15">
      <t>ダイ</t>
    </rPh>
    <phoneticPr fontId="6"/>
  </si>
  <si>
    <t>（月-金）9:00-11:00、13:30-15:00 
（土）9:00-11:00
日・祝日:休診　</t>
    <rPh sb="1" eb="2">
      <t>ツキ</t>
    </rPh>
    <rPh sb="3" eb="4">
      <t>キン</t>
    </rPh>
    <rPh sb="30" eb="31">
      <t>ド</t>
    </rPh>
    <rPh sb="43" eb="44">
      <t>ニチ</t>
    </rPh>
    <rPh sb="45" eb="46">
      <t>シュク</t>
    </rPh>
    <rPh sb="46" eb="47">
      <t>ニチ</t>
    </rPh>
    <rPh sb="48" eb="50">
      <t>キュウシン</t>
    </rPh>
    <phoneticPr fontId="9"/>
  </si>
  <si>
    <t>https://www.tsurumi-u.ac.jp/site/dental-hospital/</t>
    <phoneticPr fontId="9"/>
  </si>
  <si>
    <t>VISA、MASTER、JCB 、AMEX、Diners Club</t>
    <phoneticPr fontId="8"/>
  </si>
  <si>
    <t>病院</t>
    <phoneticPr fontId="9"/>
  </si>
  <si>
    <t>【対応言語】ＥＮ
【対応時間】
（月-金）9:00-11:00、13:30-15:00 
（土）9:00-11:00</t>
    <rPh sb="1" eb="3">
      <t>タイオウ</t>
    </rPh>
    <rPh sb="3" eb="5">
      <t>ゲンゴ</t>
    </rPh>
    <rPh sb="10" eb="12">
      <t>タイオウ</t>
    </rPh>
    <rPh sb="12" eb="14">
      <t>ジカン</t>
    </rPh>
    <phoneticPr fontId="9"/>
  </si>
  <si>
    <t>医療法人博生会　本牧病院</t>
    <rPh sb="0" eb="7">
      <t>イリョウホウジンハクセイカイ</t>
    </rPh>
    <rPh sb="8" eb="10">
      <t>ホンモク</t>
    </rPh>
    <rPh sb="10" eb="12">
      <t>ビョウイン</t>
    </rPh>
    <phoneticPr fontId="9"/>
  </si>
  <si>
    <t>Iryouhoujin Hakuseikai Honmoku Byouin</t>
  </si>
  <si>
    <t>231-0824</t>
  </si>
  <si>
    <t>神奈川県横浜市中区本牧三之谷11-5</t>
    <rPh sb="0" eb="14">
      <t>２３１－０８２４</t>
    </rPh>
    <phoneticPr fontId="9"/>
  </si>
  <si>
    <t>11-5, Honmokusannotani, Naka-ku, Yokohama　Kanagawa</t>
  </si>
  <si>
    <t>045-621-2445</t>
  </si>
  <si>
    <t>（月-金）8:00-12:00、13:00-16:45
（土）8:00-12:00</t>
    <rPh sb="1" eb="2">
      <t>ゲツ</t>
    </rPh>
    <rPh sb="3" eb="4">
      <t>キン</t>
    </rPh>
    <rPh sb="29" eb="30">
      <t>ツチ</t>
    </rPh>
    <phoneticPr fontId="9"/>
  </si>
  <si>
    <t>http://www.honmoku-hospital.or.jp/</t>
    <phoneticPr fontId="2"/>
  </si>
  <si>
    <t>VISA、MASTER</t>
    <phoneticPr fontId="8"/>
  </si>
  <si>
    <t>病院</t>
    <phoneticPr fontId="6"/>
  </si>
  <si>
    <t>【対応言語】EN
【対応時間】
（月-金）8:00-12:00、13:00-16:45
（土）8:00-12:00</t>
    <rPh sb="1" eb="3">
      <t>タイオウ</t>
    </rPh>
    <rPh sb="3" eb="5">
      <t>ゲンゴ</t>
    </rPh>
    <rPh sb="10" eb="12">
      <t>タイオウ</t>
    </rPh>
    <rPh sb="12" eb="14">
      <t>ジカン</t>
    </rPh>
    <phoneticPr fontId="9"/>
  </si>
  <si>
    <t>中国語を話せる看護師在籍：ZH</t>
    <rPh sb="0" eb="3">
      <t>チュウゴクゴ</t>
    </rPh>
    <rPh sb="4" eb="5">
      <t>ハナ</t>
    </rPh>
    <rPh sb="7" eb="10">
      <t>カンゴシ</t>
    </rPh>
    <rPh sb="10" eb="12">
      <t>ザイセキ</t>
    </rPh>
    <phoneticPr fontId="2"/>
  </si>
  <si>
    <t>横浜けいあい眼科 和田町院</t>
    <phoneticPr fontId="9"/>
  </si>
  <si>
    <t>Yokohama Keiai Eye Clinic</t>
    <phoneticPr fontId="6"/>
  </si>
  <si>
    <t>240-0065</t>
    <phoneticPr fontId="6"/>
  </si>
  <si>
    <t>神奈川県横浜市保土ヶ谷区和田1-11-17 コートリーハウス2階</t>
    <phoneticPr fontId="9"/>
  </si>
  <si>
    <t>2F 1-11-17, Wada, Hodogaya-ku, Yokohama,Kanagawa</t>
    <phoneticPr fontId="6"/>
  </si>
  <si>
    <t>045-331-5550</t>
    <phoneticPr fontId="6"/>
  </si>
  <si>
    <t>（月・水・金・土・日・祝日）10:00-13:00、15:00-19:00</t>
    <rPh sb="1" eb="2">
      <t>ツキ</t>
    </rPh>
    <rPh sb="3" eb="4">
      <t>スイ</t>
    </rPh>
    <rPh sb="5" eb="6">
      <t>キン</t>
    </rPh>
    <rPh sb="7" eb="8">
      <t>ツチ</t>
    </rPh>
    <rPh sb="9" eb="10">
      <t>ヒ</t>
    </rPh>
    <rPh sb="11" eb="13">
      <t>シュク</t>
    </rPh>
    <phoneticPr fontId="9"/>
  </si>
  <si>
    <t>https://www.keigankai.com/</t>
    <phoneticPr fontId="6"/>
  </si>
  <si>
    <t>VISA、MASTER、AMEX、JCB、中国銀聯</t>
    <phoneticPr fontId="8"/>
  </si>
  <si>
    <t>Paypay</t>
  </si>
  <si>
    <t>【対応言語】EN
【対応時間】（日曜・祝日）10:00-13:00、15:00-19:00</t>
    <rPh sb="1" eb="3">
      <t>タイオウ</t>
    </rPh>
    <rPh sb="3" eb="5">
      <t>ゲンゴ</t>
    </rPh>
    <rPh sb="10" eb="12">
      <t>タイオウ</t>
    </rPh>
    <rPh sb="12" eb="14">
      <t>ジカン</t>
    </rPh>
    <rPh sb="16" eb="18">
      <t>ニチ</t>
    </rPh>
    <phoneticPr fontId="2"/>
  </si>
  <si>
    <t>【対応言語】EN
対応可能日時は要問合せ</t>
    <rPh sb="1" eb="3">
      <t>タイオウ</t>
    </rPh>
    <rPh sb="3" eb="5">
      <t>ゲンゴ</t>
    </rPh>
    <phoneticPr fontId="8"/>
  </si>
  <si>
    <t>【対応言語】EN
【対応日時】24時間</t>
    <rPh sb="1" eb="3">
      <t>タイオウ</t>
    </rPh>
    <rPh sb="3" eb="5">
      <t>ゲンゴ</t>
    </rPh>
    <rPh sb="10" eb="12">
      <t>タイオウ</t>
    </rPh>
    <rPh sb="12" eb="14">
      <t>ニチジ</t>
    </rPh>
    <phoneticPr fontId="8"/>
  </si>
  <si>
    <t>医療法人華夏会　西門歯科</t>
    <phoneticPr fontId="9"/>
  </si>
  <si>
    <t>Simon's dental office</t>
    <phoneticPr fontId="8"/>
  </si>
  <si>
    <t>230-0048</t>
    <phoneticPr fontId="8"/>
  </si>
  <si>
    <t>神奈川県横浜市鶴見区本町通２−８４−１−１０２</t>
    <rPh sb="0" eb="4">
      <t>カナガw</t>
    </rPh>
    <rPh sb="4" eb="10">
      <t>ヨコハマs</t>
    </rPh>
    <rPh sb="10" eb="12">
      <t>ホンチョ</t>
    </rPh>
    <rPh sb="12" eb="13">
      <t>トオr</t>
    </rPh>
    <phoneticPr fontId="9"/>
  </si>
  <si>
    <t>2-84-1-102, Hontyoudori, Tsurumi-ku, Yokohama, Kanagawa</t>
  </si>
  <si>
    <t>045-307-1997</t>
  </si>
  <si>
    <t>（月・火・水・金）8:30-17:30          
（土）8:30-12:00</t>
    <rPh sb="1" eb="2">
      <t>ゲツ</t>
    </rPh>
    <rPh sb="3" eb="4">
      <t>カ</t>
    </rPh>
    <rPh sb="5" eb="6">
      <t>スイ</t>
    </rPh>
    <rPh sb="7" eb="8">
      <t>キン</t>
    </rPh>
    <rPh sb="31" eb="32">
      <t>ド</t>
    </rPh>
    <phoneticPr fontId="9"/>
  </si>
  <si>
    <t>http://www.simon-dental-office.com</t>
  </si>
  <si>
    <t>VISA、 MASTER、 AMEX、 JCB、</t>
  </si>
  <si>
    <t xml:space="preserve">【対応言語】EN/ZH
【対応時間】
（月・火・水・金）8:30-17:30
（土）8:30-12:00
  </t>
    <phoneticPr fontId="8"/>
  </si>
  <si>
    <t>こどもの木クリニック</t>
    <rPh sb="4" eb="5">
      <t>キ</t>
    </rPh>
    <phoneticPr fontId="9"/>
  </si>
  <si>
    <t>Kodomonoki clinic</t>
    <phoneticPr fontId="8"/>
  </si>
  <si>
    <t>224-0007</t>
  </si>
  <si>
    <t>神奈川県横浜市都筑区荏田南3-1-7</t>
    <rPh sb="0" eb="4">
      <t>カナガワケン</t>
    </rPh>
    <rPh sb="4" eb="7">
      <t>ヨコハマシ</t>
    </rPh>
    <rPh sb="7" eb="10">
      <t>ツヅキク</t>
    </rPh>
    <rPh sb="10" eb="13">
      <t>エダミナミ</t>
    </rPh>
    <phoneticPr fontId="9"/>
  </si>
  <si>
    <t>3-1-7, Edaminami, tsuzukiku, Yokohama, Kanagawa</t>
  </si>
  <si>
    <t>045-947-1888</t>
  </si>
  <si>
    <t>（月-金）9:00-12:00、15:00-18:15
（土）9:00-12:45      　　　
休日:水、日、祝日</t>
    <rPh sb="29" eb="30">
      <t>ド</t>
    </rPh>
    <rPh sb="51" eb="53">
      <t>キュウジツ</t>
    </rPh>
    <rPh sb="54" eb="55">
      <t>スイ</t>
    </rPh>
    <rPh sb="56" eb="57">
      <t>ニチ</t>
    </rPh>
    <rPh sb="58" eb="60">
      <t>シュクジツ</t>
    </rPh>
    <phoneticPr fontId="9"/>
  </si>
  <si>
    <t>http://www.myclinic.ne.jp/kodomo/
http://www.myclinic.ne.jp/kodomo/</t>
  </si>
  <si>
    <t xml:space="preserve">【対応言語】EN
【対応時間】
（月-金）9:00-12:00、15:00-18:15
（土）9:00-12:45     </t>
    <phoneticPr fontId="8"/>
  </si>
  <si>
    <t>慶宮医院</t>
    <phoneticPr fontId="9"/>
  </si>
  <si>
    <t>Keigu Clinic</t>
    <phoneticPr fontId="8"/>
  </si>
  <si>
    <t>230-0023</t>
  </si>
  <si>
    <t xml:space="preserve">横浜市鶴見区市場西中町2-2
</t>
    <rPh sb="0" eb="3">
      <t>ヨコハマシ</t>
    </rPh>
    <rPh sb="3" eb="6">
      <t>ツルミク</t>
    </rPh>
    <rPh sb="6" eb="8">
      <t>イチバ</t>
    </rPh>
    <phoneticPr fontId="9"/>
  </si>
  <si>
    <t>2-2 Nishinaka-cho,Tsurumiku Ichiba,Yokohama,Tsurumiku,Ichiba,Yokohama</t>
    <phoneticPr fontId="8"/>
  </si>
  <si>
    <t>045-501-5361</t>
  </si>
  <si>
    <t>（月・火・金）9:00-12:00、13:30-17:00
（水・土）9:00-12:00
（木）9:00-12:00、13:30-15:00</t>
    <rPh sb="1" eb="2">
      <t>ガツ</t>
    </rPh>
    <rPh sb="3" eb="4">
      <t>カ</t>
    </rPh>
    <rPh sb="5" eb="6">
      <t>キン</t>
    </rPh>
    <rPh sb="31" eb="32">
      <t>スイ</t>
    </rPh>
    <rPh sb="33" eb="34">
      <t>ド</t>
    </rPh>
    <rPh sb="47" eb="48">
      <t>モク</t>
    </rPh>
    <phoneticPr fontId="9"/>
  </si>
  <si>
    <t>www.keiguiin.com</t>
  </si>
  <si>
    <t>【対応言語】EN
【対応時間】
（月・火・金）9:00-12:00、13:30-17:00
（水・土）9:00-12:00
（木）9:00-12:00、13:30-15:00</t>
  </si>
  <si>
    <t>聖マリアンナ医科大学横浜市西部病院</t>
    <phoneticPr fontId="9"/>
  </si>
  <si>
    <t>241-0811</t>
    <phoneticPr fontId="8"/>
  </si>
  <si>
    <t>神奈川県横浜市旭区矢指町1197-1</t>
    <phoneticPr fontId="9"/>
  </si>
  <si>
    <t>1197-1,
Yasashicho,Asahi-ku,
Yokohama,Kanagawa</t>
    <phoneticPr fontId="8"/>
  </si>
  <si>
    <t>045-366-1111</t>
    <phoneticPr fontId="8"/>
  </si>
  <si>
    <t>（月-金、第2・4・5土曜）9:00-11:00
　　救急外来24時間対応
（第1・3土、日・祝日、年末年始休暇）
　　救急外来24時間対応</t>
    <phoneticPr fontId="9"/>
  </si>
  <si>
    <t>https://seibu.marianna-u.ac.jp/</t>
    <phoneticPr fontId="8"/>
  </si>
  <si>
    <t>VISA、MASTER、AMEX、JCB、DC、AMERICAN EXPRESS、UC、J-Debit</t>
    <phoneticPr fontId="8"/>
  </si>
  <si>
    <t>≪ＭＩＣかながわ医療通訳≫
【対応言語】
ZH/KO/TL/PT/ES/EN/TH/VI/LO/RU/FR/NE/カンボジア語
【対応時間】
原則　平日の8:3０-17:００</t>
    <phoneticPr fontId="8"/>
  </si>
  <si>
    <t>≪横浜市電話医療通訳サービス≫
【対応言語】
EN/ZH/KO/PT/ES/TH/VI/ID/TL/NE/MS/FR/IT/DE/RU
【対応時間】
24時間</t>
    <phoneticPr fontId="8"/>
  </si>
  <si>
    <t>川崎市立井田病院</t>
    <phoneticPr fontId="9"/>
  </si>
  <si>
    <t>211-0035</t>
    <phoneticPr fontId="6"/>
  </si>
  <si>
    <t>神奈川県川崎市中原区井田２－２７－１</t>
    <rPh sb="0" eb="3">
      <t>カナガワ</t>
    </rPh>
    <rPh sb="3" eb="4">
      <t>ケン</t>
    </rPh>
    <rPh sb="4" eb="7">
      <t>カワサキシ</t>
    </rPh>
    <rPh sb="7" eb="10">
      <t>ナカハラク</t>
    </rPh>
    <rPh sb="10" eb="12">
      <t>イダ</t>
    </rPh>
    <phoneticPr fontId="9"/>
  </si>
  <si>
    <t>２－２７－１　Ida,　
Nakahara-ku
Kawasaki
Kanagawa</t>
    <phoneticPr fontId="6"/>
  </si>
  <si>
    <t>044-766-2188</t>
    <phoneticPr fontId="6"/>
  </si>
  <si>
    <t xml:space="preserve">VISA、MASTER、AMEX、Diners Club、JCB
</t>
    <phoneticPr fontId="6"/>
  </si>
  <si>
    <t>川崎市立多摩病院</t>
    <rPh sb="0" eb="8">
      <t>カワサキシリツタマビョウイン</t>
    </rPh>
    <phoneticPr fontId="9"/>
  </si>
  <si>
    <t>Kawasaki Municipal Tama Hospital</t>
  </si>
  <si>
    <t>214-8525</t>
  </si>
  <si>
    <t>川崎市多摩区宿河原1-30-37</t>
    <rPh sb="0" eb="3">
      <t>カワサキシ</t>
    </rPh>
    <rPh sb="3" eb="6">
      <t>タマク</t>
    </rPh>
    <rPh sb="6" eb="9">
      <t>シュクガワラ</t>
    </rPh>
    <phoneticPr fontId="9"/>
  </si>
  <si>
    <t>1-30-37　Shukugawara, Tama-ku, Kawasaki 214-8525, Japan</t>
  </si>
  <si>
    <t>044-933-8111</t>
  </si>
  <si>
    <t>（月-金）8:30-11:00
（第2・4・5土）8:30-10:30
　　救急外来24時間対応
（第1.・3土、日・祝日）
　　救急外来24時間対応</t>
    <rPh sb="17" eb="18">
      <t>ダイ</t>
    </rPh>
    <rPh sb="23" eb="24">
      <t>ド</t>
    </rPh>
    <rPh sb="50" eb="51">
      <t>ダイ</t>
    </rPh>
    <rPh sb="55" eb="56">
      <t>ド</t>
    </rPh>
    <phoneticPr fontId="9"/>
  </si>
  <si>
    <t>http://marianna-tama.jp/（日本語）</t>
    <rPh sb="25" eb="28">
      <t>ニホンゴ</t>
    </rPh>
    <phoneticPr fontId="9"/>
  </si>
  <si>
    <t>VISA、MASTER、AMEX、JCB、UC、SAISON、DinersClub、DISCOVER、
J-Debit</t>
    <phoneticPr fontId="8"/>
  </si>
  <si>
    <t>≪みえる通訳≫
【対応言語】
EN/ZH/KO/TH/RU/VI/PT/ES/FR/TL/NE/HI/ID</t>
    <phoneticPr fontId="9"/>
  </si>
  <si>
    <t>入澤クリニック</t>
    <rPh sb="0" eb="2">
      <t>イリサワ</t>
    </rPh>
    <phoneticPr fontId="9"/>
  </si>
  <si>
    <t>IRISAWA CLINIC</t>
  </si>
  <si>
    <t>252-0001</t>
  </si>
  <si>
    <t>神奈川県座間市相模が丘1-18-26</t>
    <rPh sb="0" eb="4">
      <t>カナガワケン</t>
    </rPh>
    <rPh sb="4" eb="7">
      <t>ザマシ</t>
    </rPh>
    <rPh sb="7" eb="11">
      <t>サガミガオカ</t>
    </rPh>
    <phoneticPr fontId="9"/>
  </si>
  <si>
    <t>1-18-26, Sagamigaoka, Zama city, Kanagawa pref.</t>
    <phoneticPr fontId="8"/>
  </si>
  <si>
    <t>042-748-7131</t>
    <phoneticPr fontId="9"/>
  </si>
  <si>
    <t>（月・火・木・金・土）9:00-12:00、14:00-18:00
（日）9:00-12:00
水・祝日休み</t>
    <rPh sb="1" eb="2">
      <t>ゲツ</t>
    </rPh>
    <rPh sb="3" eb="4">
      <t>カ</t>
    </rPh>
    <rPh sb="5" eb="6">
      <t>モク</t>
    </rPh>
    <rPh sb="7" eb="8">
      <t>キン</t>
    </rPh>
    <rPh sb="9" eb="10">
      <t>ド</t>
    </rPh>
    <rPh sb="35" eb="36">
      <t>ニチ</t>
    </rPh>
    <rPh sb="48" eb="49">
      <t>スイ</t>
    </rPh>
    <rPh sb="50" eb="52">
      <t>シュクジツ</t>
    </rPh>
    <rPh sb="52" eb="53">
      <t>ヤス</t>
    </rPh>
    <phoneticPr fontId="9"/>
  </si>
  <si>
    <t>http://www.irisawaclinic.com</t>
    <phoneticPr fontId="9"/>
  </si>
  <si>
    <t>【対応言語】EN
【対応時間】
（月・火・木・金・土）9:00-12:00、14:00-18:00
（日）9:00-12:00</t>
    <rPh sb="1" eb="3">
      <t>タイオウ</t>
    </rPh>
    <rPh sb="3" eb="5">
      <t>ゲンゴ</t>
    </rPh>
    <rPh sb="10" eb="12">
      <t>タイオウ</t>
    </rPh>
    <rPh sb="12" eb="14">
      <t>ジカン</t>
    </rPh>
    <phoneticPr fontId="8"/>
  </si>
  <si>
    <t>誠友クリニック</t>
    <rPh sb="0" eb="2">
      <t>マコトトモ</t>
    </rPh>
    <phoneticPr fontId="9"/>
  </si>
  <si>
    <t>Seiyu　Clinic</t>
    <phoneticPr fontId="8"/>
  </si>
  <si>
    <t>231-0023</t>
  </si>
  <si>
    <t>神奈川県横浜市中区山下町224-2　パークポイント山下町1F</t>
    <rPh sb="0" eb="12">
      <t>カナガワケンヨコハマシナカクヤマシタマチ</t>
    </rPh>
    <rPh sb="25" eb="28">
      <t>ヤマシタマチ</t>
    </rPh>
    <phoneticPr fontId="9"/>
  </si>
  <si>
    <t>224-2 Yamashitacho Naka-ku,Yokohama-shi, Kanagawa-ken,</t>
    <phoneticPr fontId="8"/>
  </si>
  <si>
    <t>045-264-9267</t>
  </si>
  <si>
    <t>https://seiyu-clinic.com</t>
  </si>
  <si>
    <t>QRコード：paypay</t>
    <phoneticPr fontId="2"/>
  </si>
  <si>
    <t>翻訳機（ポケトーク）を使用</t>
    <rPh sb="0" eb="3">
      <t>ホンヤクキ</t>
    </rPh>
    <rPh sb="11" eb="13">
      <t>シヨウ</t>
    </rPh>
    <phoneticPr fontId="3"/>
  </si>
  <si>
    <t>（月,火、木、金、土）　09:00-12:30、13:30-17:00 ；(水）9:00-13:00
（土）09:00-13:00</t>
    <rPh sb="3" eb="4">
      <t>ヒ</t>
    </rPh>
    <rPh sb="5" eb="6">
      <t>モク</t>
    </rPh>
    <rPh sb="7" eb="8">
      <t>キン</t>
    </rPh>
    <rPh sb="9" eb="10">
      <t>ド</t>
    </rPh>
    <rPh sb="38" eb="39">
      <t>スイ</t>
    </rPh>
    <phoneticPr fontId="9"/>
  </si>
  <si>
    <t>VISA、MASTER、AMEX,JCB,DINERS,DISCOVER</t>
    <phoneticPr fontId="4"/>
  </si>
  <si>
    <t>PayPay</t>
    <phoneticPr fontId="4"/>
  </si>
  <si>
    <t>St. Marianna University Yokohama Seibu Hospital</t>
    <phoneticPr fontId="8"/>
  </si>
  <si>
    <t>〇</t>
    <phoneticPr fontId="4"/>
  </si>
  <si>
    <t>湘南平塚下肢静脈瘤クリニック</t>
  </si>
  <si>
    <t>和田歯科</t>
    <rPh sb="0" eb="2">
      <t>ワダ</t>
    </rPh>
    <rPh sb="2" eb="4">
      <t>シカ</t>
    </rPh>
    <phoneticPr fontId="2"/>
  </si>
  <si>
    <t>三井眼科</t>
    <rPh sb="0" eb="2">
      <t>ミツイ</t>
    </rPh>
    <rPh sb="2" eb="4">
      <t>ガンカ</t>
    </rPh>
    <phoneticPr fontId="2"/>
  </si>
  <si>
    <t>医療法人社団 ベル歯科</t>
    <rPh sb="0" eb="4">
      <t>イリョウホウジン</t>
    </rPh>
    <rPh sb="4" eb="6">
      <t>シャダン</t>
    </rPh>
    <rPh sb="9" eb="11">
      <t>シカ</t>
    </rPh>
    <phoneticPr fontId="1"/>
  </si>
  <si>
    <t>タカオメディカルクリニック</t>
  </si>
  <si>
    <t>The Shonan Hiratsuka Varicose Vein Clinic</t>
  </si>
  <si>
    <t>神奈川県平塚市紅谷町14-20　FT共同ビル3階</t>
  </si>
  <si>
    <t>254-0043</t>
    <phoneticPr fontId="4"/>
  </si>
  <si>
    <t>14-20 3F Beniyacho Hiratsuka, Kanagawa, Japan</t>
  </si>
  <si>
    <t>0463-74-6694</t>
    <phoneticPr fontId="4"/>
  </si>
  <si>
    <t>https://shv-clinic.com</t>
  </si>
  <si>
    <t>【対応言語】
EN
【対応時間】
（月・水・木・金）　13：00-17：00
（土）　　　　　　　9：00-12：00</t>
    <phoneticPr fontId="4"/>
  </si>
  <si>
    <t>WADA DENTAL CLINIC</t>
    <phoneticPr fontId="4"/>
  </si>
  <si>
    <t>252-0802</t>
    <phoneticPr fontId="4"/>
  </si>
  <si>
    <t>藤沢市高倉645</t>
    <rPh sb="0" eb="3">
      <t>フジサワシ</t>
    </rPh>
    <rPh sb="3" eb="5">
      <t>タカクラ</t>
    </rPh>
    <phoneticPr fontId="4"/>
  </si>
  <si>
    <t>645, Takakura, Fuzisawa, Kanagawa</t>
    <phoneticPr fontId="4"/>
  </si>
  <si>
    <t>0466-44-0020</t>
    <phoneticPr fontId="4"/>
  </si>
  <si>
    <t>（月・火・水・金）9：00-12：00、14：00-18：30
（土）9：00-12：00、14：00-18：00
※日・祝日：休み</t>
    <rPh sb="1" eb="2">
      <t>ゲツ</t>
    </rPh>
    <rPh sb="3" eb="4">
      <t>カ</t>
    </rPh>
    <rPh sb="5" eb="6">
      <t>スイ</t>
    </rPh>
    <rPh sb="7" eb="8">
      <t>キン</t>
    </rPh>
    <rPh sb="33" eb="34">
      <t>ド</t>
    </rPh>
    <rPh sb="59" eb="60">
      <t>ニチ</t>
    </rPh>
    <rPh sb="61" eb="63">
      <t>シュクジツ</t>
    </rPh>
    <rPh sb="64" eb="65">
      <t>ヤス</t>
    </rPh>
    <phoneticPr fontId="4"/>
  </si>
  <si>
    <t>〇</t>
    <phoneticPr fontId="4"/>
  </si>
  <si>
    <t>Mitsui Eye Clinic</t>
    <phoneticPr fontId="4"/>
  </si>
  <si>
    <t>252-0804</t>
    <phoneticPr fontId="4"/>
  </si>
  <si>
    <t>藤沢市湘南台2-27-15-3Ｆ</t>
    <rPh sb="0" eb="3">
      <t>フジサワシ</t>
    </rPh>
    <rPh sb="3" eb="6">
      <t>ショウナンダイ</t>
    </rPh>
    <phoneticPr fontId="4"/>
  </si>
  <si>
    <t>2-27-15, Shonandai, Fujisawa, Kanagawa</t>
    <phoneticPr fontId="4"/>
  </si>
  <si>
    <t>0466-43-7886</t>
    <phoneticPr fontId="4"/>
  </si>
  <si>
    <t>（月-土）9:00-12:00,14：30-17：30
※土・水・木曜午後・日曜休診</t>
    <rPh sb="1" eb="2">
      <t>ゲツ</t>
    </rPh>
    <rPh sb="3" eb="4">
      <t>ド</t>
    </rPh>
    <rPh sb="29" eb="30">
      <t>ド</t>
    </rPh>
    <rPh sb="31" eb="32">
      <t>スイ</t>
    </rPh>
    <rPh sb="33" eb="35">
      <t>モクヨウ</t>
    </rPh>
    <rPh sb="35" eb="37">
      <t>ゴゴ</t>
    </rPh>
    <rPh sb="38" eb="40">
      <t>ニチヨウ</t>
    </rPh>
    <rPh sb="40" eb="42">
      <t>キュウシン</t>
    </rPh>
    <phoneticPr fontId="4"/>
  </si>
  <si>
    <t>https://www6.bausch.co.jp/clinic/v0466437886/
（日本語）</t>
    <rPh sb="47" eb="50">
      <t>ニホンゴ</t>
    </rPh>
    <phoneticPr fontId="4"/>
  </si>
  <si>
    <t>【対応言語】EN
【対応時間】9：00-17：00（診療時間内）</t>
    <rPh sb="1" eb="3">
      <t>タイオウ</t>
    </rPh>
    <rPh sb="3" eb="5">
      <t>ゲンゴ</t>
    </rPh>
    <rPh sb="10" eb="12">
      <t>タイオウ</t>
    </rPh>
    <rPh sb="12" eb="14">
      <t>ジカン</t>
    </rPh>
    <rPh sb="26" eb="28">
      <t>シンリョウ</t>
    </rPh>
    <rPh sb="28" eb="30">
      <t>ジカン</t>
    </rPh>
    <rPh sb="30" eb="31">
      <t>ナイ</t>
    </rPh>
    <phoneticPr fontId="4"/>
  </si>
  <si>
    <t>bell dental clinic</t>
  </si>
  <si>
    <t>243-0432</t>
  </si>
  <si>
    <t>神奈川県海老名市中央1-20-43</t>
  </si>
  <si>
    <t>Chuo, Ebina Shi, Kanagawa Ken, 243-0432, Japan</t>
  </si>
  <si>
    <t>046-234-0880</t>
  </si>
  <si>
    <t>（月・火・水・金・土） 9:30-13:00、14:30-19:00(土曜のみ18:00まで)</t>
    <rPh sb="1" eb="2">
      <t>ゲツ</t>
    </rPh>
    <rPh sb="3" eb="4">
      <t>ヒ</t>
    </rPh>
    <rPh sb="5" eb="6">
      <t>スイ</t>
    </rPh>
    <rPh sb="7" eb="8">
      <t>キン</t>
    </rPh>
    <rPh sb="9" eb="10">
      <t>ツチ</t>
    </rPh>
    <rPh sb="35" eb="37">
      <t>ドヨウ</t>
    </rPh>
    <phoneticPr fontId="1"/>
  </si>
  <si>
    <t>https://www.bell-dental.com/foreigner/</t>
  </si>
  <si>
    <t>【対応言語】
EN/ZH
【対応時間】
（月・火・水・金・土 ） 9:30-13:00 ,14:30-19:00(土曜のみ18:00まで)</t>
    <phoneticPr fontId="4"/>
  </si>
  <si>
    <t>Takao Medical Clinic</t>
  </si>
  <si>
    <t>240-0013</t>
  </si>
  <si>
    <t>神奈川県横浜市保土ヶ谷区帷子町2-85</t>
  </si>
  <si>
    <t>2-85,Katabiratyou,Hodogayaku
,Yokohama，Kanagaway</t>
  </si>
  <si>
    <t>045-331-3406</t>
  </si>
  <si>
    <t xml:space="preserve">（月-水,金）9:00-12:00、14:00-17:00
</t>
    <rPh sb="3" eb="4">
      <t>ミズ</t>
    </rPh>
    <rPh sb="5" eb="6">
      <t>キン</t>
    </rPh>
    <phoneticPr fontId="1"/>
  </si>
  <si>
    <t>https://takaomedicalclinic.com/</t>
  </si>
  <si>
    <t>【対応言語】
EN
【対応時間】
月-水,金9:00-12:00、14:00-17:00</t>
  </si>
  <si>
    <t>【対応言語】EN（スマホ翻訳）
【対応時間】診療時間内</t>
    <rPh sb="1" eb="3">
      <t>タイオウ</t>
    </rPh>
    <rPh sb="3" eb="5">
      <t>ゲンゴ</t>
    </rPh>
    <rPh sb="12" eb="14">
      <t>ホンヤク</t>
    </rPh>
    <rPh sb="17" eb="19">
      <t>タイオウ</t>
    </rPh>
    <rPh sb="19" eb="21">
      <t>ジカン</t>
    </rPh>
    <rPh sb="22" eb="24">
      <t>シンリョウ</t>
    </rPh>
    <rPh sb="24" eb="26">
      <t>ジカン</t>
    </rPh>
    <rPh sb="26" eb="27">
      <t>ナイ</t>
    </rPh>
    <phoneticPr fontId="4"/>
  </si>
  <si>
    <t>【対応言語】EN（スマホ通訳）
【対応時間】診療時間内</t>
    <rPh sb="1" eb="3">
      <t>タイオウ</t>
    </rPh>
    <rPh sb="3" eb="5">
      <t>ゲンゴ</t>
    </rPh>
    <rPh sb="12" eb="14">
      <t>ツウヤク</t>
    </rPh>
    <rPh sb="17" eb="19">
      <t>タイオウ</t>
    </rPh>
    <rPh sb="19" eb="21">
      <t>ジカン</t>
    </rPh>
    <rPh sb="22" eb="24">
      <t>シンリョウ</t>
    </rPh>
    <rPh sb="24" eb="26">
      <t>ジカン</t>
    </rPh>
    <rPh sb="26" eb="27">
      <t>ナイ</t>
    </rPh>
    <phoneticPr fontId="4"/>
  </si>
  <si>
    <t>オゼキ歯科医院</t>
  </si>
  <si>
    <t>Ozeki　Dental　Clinic</t>
  </si>
  <si>
    <t>252-0804</t>
  </si>
  <si>
    <t>神奈川県藤沢市湘南台6-1-5　57田中ビル2階</t>
  </si>
  <si>
    <t>2F,6-1-5,Shounanndai,Fujisawa-shi,Kanagawa,252-0804</t>
  </si>
  <si>
    <t>0466-43-1101</t>
  </si>
  <si>
    <t>（月-金）9：00－12：00、15：00－20：00　祝祭日休診</t>
    <phoneticPr fontId="4"/>
  </si>
  <si>
    <t>http://www.netlaputa.ne.jp/^march24/main.html（日本語）</t>
  </si>
  <si>
    <t>（現金のみ）日本円，米ドル，ユーロ</t>
    <rPh sb="1" eb="3">
      <t>ゲンキン</t>
    </rPh>
    <rPh sb="6" eb="9">
      <t>ニホンエン</t>
    </rPh>
    <rPh sb="10" eb="11">
      <t>ベイ</t>
    </rPh>
    <phoneticPr fontId="9"/>
  </si>
  <si>
    <t>医療法人湘南信和会　いざき歯科クリニック</t>
    <rPh sb="0" eb="2">
      <t>イリョウ</t>
    </rPh>
    <rPh sb="2" eb="4">
      <t>ホウジン</t>
    </rPh>
    <rPh sb="4" eb="6">
      <t>ショウナン</t>
    </rPh>
    <rPh sb="6" eb="9">
      <t>シンワカイ</t>
    </rPh>
    <rPh sb="13" eb="15">
      <t>シカ</t>
    </rPh>
    <phoneticPr fontId="4"/>
  </si>
  <si>
    <t>Izaki Dental Clinic</t>
    <phoneticPr fontId="4"/>
  </si>
  <si>
    <t>251-0861</t>
    <phoneticPr fontId="4"/>
  </si>
  <si>
    <t>神奈川県藤沢市大庭5061-2　イオン3F</t>
    <rPh sb="0" eb="4">
      <t>カナガワケン</t>
    </rPh>
    <rPh sb="4" eb="7">
      <t>フジサワシ</t>
    </rPh>
    <rPh sb="7" eb="9">
      <t>オオニワ</t>
    </rPh>
    <phoneticPr fontId="4"/>
  </si>
  <si>
    <t>5061-2, AEON 3F, Ooba, Fujisawa City, Kanagawa, 251-0861</t>
    <phoneticPr fontId="4"/>
  </si>
  <si>
    <t>0466-88-8148</t>
    <phoneticPr fontId="4"/>
  </si>
  <si>
    <t>（月-金）10:00-13:00, 15:00-18:00 
（祝日）10:00-13:00</t>
    <rPh sb="1" eb="2">
      <t>ゲツ</t>
    </rPh>
    <rPh sb="3" eb="4">
      <t>キン</t>
    </rPh>
    <rPh sb="32" eb="34">
      <t>シュクジツ</t>
    </rPh>
    <phoneticPr fontId="4"/>
  </si>
  <si>
    <t>【対応言語】EN/ZH/ES/TH
【対応時間】EN（月-金）/ZH（月・火・水・金）/ES（金）/TH（月・火）
※時間は10：00-13：00、15：00-18：00）</t>
    <rPh sb="1" eb="3">
      <t>タイオウ</t>
    </rPh>
    <rPh sb="3" eb="5">
      <t>ゲンゴ</t>
    </rPh>
    <rPh sb="19" eb="21">
      <t>タイオウ</t>
    </rPh>
    <rPh sb="21" eb="23">
      <t>ジカン</t>
    </rPh>
    <rPh sb="27" eb="28">
      <t>ゲツ</t>
    </rPh>
    <rPh sb="29" eb="30">
      <t>キン</t>
    </rPh>
    <rPh sb="35" eb="36">
      <t>ゲツ</t>
    </rPh>
    <rPh sb="37" eb="38">
      <t>カ</t>
    </rPh>
    <rPh sb="39" eb="40">
      <t>スイ</t>
    </rPh>
    <rPh sb="41" eb="42">
      <t>キン</t>
    </rPh>
    <rPh sb="47" eb="48">
      <t>キン</t>
    </rPh>
    <rPh sb="53" eb="54">
      <t>ゲツ</t>
    </rPh>
    <rPh sb="55" eb="56">
      <t>カ</t>
    </rPh>
    <rPh sb="59" eb="61">
      <t>ジカン</t>
    </rPh>
    <phoneticPr fontId="4"/>
  </si>
  <si>
    <t>医療法人愛誠会　田澤歯科医院</t>
    <rPh sb="0" eb="2">
      <t>イリョウ</t>
    </rPh>
    <rPh sb="2" eb="4">
      <t>ホウジン</t>
    </rPh>
    <rPh sb="4" eb="5">
      <t>アイ</t>
    </rPh>
    <rPh sb="5" eb="6">
      <t>マコト</t>
    </rPh>
    <rPh sb="6" eb="7">
      <t>カイ</t>
    </rPh>
    <rPh sb="8" eb="10">
      <t>タザワ</t>
    </rPh>
    <rPh sb="10" eb="12">
      <t>シカ</t>
    </rPh>
    <rPh sb="12" eb="14">
      <t>イイン</t>
    </rPh>
    <phoneticPr fontId="4"/>
  </si>
  <si>
    <t>TAZAWA DENTAL CLINIC</t>
    <phoneticPr fontId="4"/>
  </si>
  <si>
    <t>237-0075</t>
    <phoneticPr fontId="4"/>
  </si>
  <si>
    <t>神奈川県横須賀市田浦町2-83</t>
    <rPh sb="0" eb="4">
      <t>カナガワケン</t>
    </rPh>
    <rPh sb="4" eb="8">
      <t>ヨコスカシ</t>
    </rPh>
    <rPh sb="8" eb="10">
      <t>タウラ</t>
    </rPh>
    <rPh sb="10" eb="11">
      <t>マチ</t>
    </rPh>
    <phoneticPr fontId="4"/>
  </si>
  <si>
    <t>2-83, Tauramachi, Yokosuka, Kanagawa</t>
    <phoneticPr fontId="4"/>
  </si>
  <si>
    <t>046-861-8148</t>
    <phoneticPr fontId="4"/>
  </si>
  <si>
    <t>（月・火・水・金）9：30-12：30、15：00-18：30
（土）9：00-13：00</t>
    <rPh sb="1" eb="2">
      <t>ゲツ</t>
    </rPh>
    <rPh sb="3" eb="4">
      <t>カ</t>
    </rPh>
    <rPh sb="5" eb="6">
      <t>スイ</t>
    </rPh>
    <rPh sb="7" eb="8">
      <t>キン</t>
    </rPh>
    <rPh sb="33" eb="34">
      <t>ド</t>
    </rPh>
    <phoneticPr fontId="4"/>
  </si>
  <si>
    <t>https://www.tazawa-shika.com</t>
    <phoneticPr fontId="4"/>
  </si>
  <si>
    <t>VISA, MASTER, AMEX, JCB</t>
    <phoneticPr fontId="4"/>
  </si>
  <si>
    <t>【対応言語】EN/ZH/ES/PT
【対応時間】9:30-13:00、15:00-19:00</t>
    <rPh sb="1" eb="3">
      <t>タイオウ</t>
    </rPh>
    <rPh sb="3" eb="5">
      <t>ゲンゴ</t>
    </rPh>
    <rPh sb="19" eb="21">
      <t>タイオウ</t>
    </rPh>
    <rPh sb="21" eb="23">
      <t>ジカン</t>
    </rPh>
    <phoneticPr fontId="4"/>
  </si>
  <si>
    <t>〇</t>
    <phoneticPr fontId="4"/>
  </si>
  <si>
    <t>【対応言語】EN/ZH/ES/PT
【対応時間】9:30-13:00、15:00-19:00
※院長対応のため、受診前に電話必要</t>
    <rPh sb="1" eb="3">
      <t>タイオウ</t>
    </rPh>
    <rPh sb="3" eb="5">
      <t>ゲンゴ</t>
    </rPh>
    <rPh sb="19" eb="21">
      <t>タイオウ</t>
    </rPh>
    <rPh sb="21" eb="23">
      <t>ジカン</t>
    </rPh>
    <rPh sb="48" eb="50">
      <t>インチョウ</t>
    </rPh>
    <rPh sb="50" eb="52">
      <t>タイオウ</t>
    </rPh>
    <rPh sb="56" eb="58">
      <t>ジュシン</t>
    </rPh>
    <rPh sb="58" eb="59">
      <t>マエ</t>
    </rPh>
    <rPh sb="60" eb="62">
      <t>デンワ</t>
    </rPh>
    <rPh sb="62" eb="64">
      <t>ヒツヨウ</t>
    </rPh>
    <phoneticPr fontId="4"/>
  </si>
  <si>
    <t>≪横浜市電話医療通訳サービス≫
【対応言語】
EN/ZH/KO/PT/ES/TH/VI/TL/NE/
【対応時間】
8時～20時
≪タブレットを使用したテレビ電話通訳サービス≫
EN,ZH,KO,PT,ES/24時間対応可能
TH/9～21時
VI/9～20時
FR,TL/平日9～19時
RU,NI,HI,ID/平日9～18時</t>
    <rPh sb="59" eb="60">
      <t>ジ</t>
    </rPh>
    <rPh sb="63" eb="64">
      <t>ジ</t>
    </rPh>
    <phoneticPr fontId="4"/>
  </si>
  <si>
    <t>VISA、MASTER、Diners Club、AMEX、
JCB、NICOS</t>
    <phoneticPr fontId="8"/>
  </si>
  <si>
    <t>（月-金）8:30-11:00
（土日・祝日）救急外来24時間対応</t>
    <rPh sb="1" eb="2">
      <t>ツキ</t>
    </rPh>
    <rPh sb="3" eb="4">
      <t>キン</t>
    </rPh>
    <rPh sb="17" eb="19">
      <t>ドニチ</t>
    </rPh>
    <rPh sb="20" eb="22">
      <t>シュクジツ</t>
    </rPh>
    <rPh sb="23" eb="25">
      <t>キュウキュウ</t>
    </rPh>
    <rPh sb="25" eb="27">
      <t>ガイライ</t>
    </rPh>
    <rPh sb="29" eb="31">
      <t>ジカン</t>
    </rPh>
    <rPh sb="31" eb="33">
      <t>タイオウ</t>
    </rPh>
    <phoneticPr fontId="9"/>
  </si>
  <si>
    <t xml:space="preserve">
https://www.city.kawasaki.jp/33/cmsfiles/contents/0000037/37855/ida/(日本語）
</t>
    <rPh sb="70" eb="73">
      <t>ニホンゴ</t>
    </rPh>
    <phoneticPr fontId="6"/>
  </si>
  <si>
    <t>医療通訳者（医療通訳可能な職員）</t>
    <phoneticPr fontId="4"/>
  </si>
  <si>
    <t>医師（EN,ZH）
看護師　（EN）
通訳スタッフ（ZH）
受付（EN）</t>
  </si>
  <si>
    <t>医師、看護師、通訳スタッフ：通訳の同伴がなくても対応可能 
受付：簡単な対応は出来るが通訳同伴が望ましい</t>
  </si>
  <si>
    <t>要</t>
  </si>
  <si>
    <t>医師、受付</t>
    <rPh sb="0" eb="2">
      <t>イシ</t>
    </rPh>
    <rPh sb="3" eb="5">
      <t>ウケツケ</t>
    </rPh>
    <phoneticPr fontId="3"/>
  </si>
  <si>
    <t>通訳の同伴がなくても対応可能</t>
  </si>
  <si>
    <t>医師、薬剤師、職員、通訳スタッフ（派遣）</t>
    <rPh sb="10" eb="12">
      <t>ツウヤク</t>
    </rPh>
    <rPh sb="17" eb="19">
      <t>ハケン</t>
    </rPh>
    <phoneticPr fontId="3"/>
  </si>
  <si>
    <t>医師</t>
    <rPh sb="0" eb="2">
      <t>イシ</t>
    </rPh>
    <phoneticPr fontId="3"/>
  </si>
  <si>
    <t>簡単な診療であれば対応できるが、通訳同伴が望ましい</t>
  </si>
  <si>
    <t>通訳スタッフ（派遣）</t>
    <rPh sb="0" eb="2">
      <t>ツウヤク</t>
    </rPh>
    <rPh sb="7" eb="9">
      <t>ハケン</t>
    </rPh>
    <phoneticPr fontId="3"/>
  </si>
  <si>
    <t>要</t>
    <rPh sb="0" eb="1">
      <t>ヨウ</t>
    </rPh>
    <phoneticPr fontId="3"/>
  </si>
  <si>
    <t>その他（国際医療支援室）</t>
    <rPh sb="2" eb="3">
      <t>タ</t>
    </rPh>
    <rPh sb="4" eb="6">
      <t>コクサイ</t>
    </rPh>
    <rPh sb="6" eb="8">
      <t>イリョウ</t>
    </rPh>
    <rPh sb="8" eb="10">
      <t>シエン</t>
    </rPh>
    <rPh sb="10" eb="11">
      <t>シツ</t>
    </rPh>
    <phoneticPr fontId="3"/>
  </si>
  <si>
    <t>医師、歯科医師、受付スタッフ</t>
    <rPh sb="0" eb="2">
      <t>イシ</t>
    </rPh>
    <rPh sb="3" eb="5">
      <t>シカ</t>
    </rPh>
    <rPh sb="5" eb="7">
      <t>イシ</t>
    </rPh>
    <rPh sb="8" eb="10">
      <t>ウケツケ</t>
    </rPh>
    <phoneticPr fontId="3"/>
  </si>
  <si>
    <t>・看護師
・通訳スタッフ
・通訳スタッフ（派遣）</t>
    <rPh sb="1" eb="4">
      <t>カンゴシ</t>
    </rPh>
    <rPh sb="6" eb="8">
      <t>ツウヤク</t>
    </rPh>
    <rPh sb="14" eb="16">
      <t>ツウヤク</t>
    </rPh>
    <rPh sb="21" eb="23">
      <t>ハケン</t>
    </rPh>
    <phoneticPr fontId="3"/>
  </si>
  <si>
    <t>通訳の同伴がなくても対応可能。</t>
    <rPh sb="0" eb="2">
      <t>ツウヤク</t>
    </rPh>
    <rPh sb="3" eb="5">
      <t>ドウハン</t>
    </rPh>
    <rPh sb="10" eb="14">
      <t>タイオウカノウ</t>
    </rPh>
    <phoneticPr fontId="3"/>
  </si>
  <si>
    <t>通訳の同伴がなくても対応可能</t>
    <rPh sb="0" eb="2">
      <t>ツウヤク</t>
    </rPh>
    <rPh sb="3" eb="5">
      <t>ドウハン</t>
    </rPh>
    <phoneticPr fontId="3"/>
  </si>
  <si>
    <t>医師⇒通訳の同伴がなくても対応可能
受付⇒通訳同伴が望ましい</t>
    <rPh sb="0" eb="2">
      <t>イシ</t>
    </rPh>
    <rPh sb="3" eb="5">
      <t>ツウヤク</t>
    </rPh>
    <rPh sb="6" eb="8">
      <t>ドウハン</t>
    </rPh>
    <rPh sb="13" eb="15">
      <t>タイオウ</t>
    </rPh>
    <rPh sb="15" eb="17">
      <t>カノウ</t>
    </rPh>
    <rPh sb="18" eb="20">
      <t>ウケツケ</t>
    </rPh>
    <rPh sb="21" eb="23">
      <t>ツウヤク</t>
    </rPh>
    <rPh sb="23" eb="25">
      <t>ドウハン</t>
    </rPh>
    <rPh sb="26" eb="27">
      <t>ノゾ</t>
    </rPh>
    <phoneticPr fontId="3"/>
  </si>
  <si>
    <t>通訳の同伴がなくても対応可</t>
    <rPh sb="0" eb="2">
      <t>ツウヤク</t>
    </rPh>
    <rPh sb="3" eb="5">
      <t>ドウハン</t>
    </rPh>
    <rPh sb="10" eb="12">
      <t>タイオウ</t>
    </rPh>
    <rPh sb="12" eb="13">
      <t>カ</t>
    </rPh>
    <phoneticPr fontId="3"/>
  </si>
  <si>
    <t>看護師</t>
    <rPh sb="0" eb="3">
      <t>カンゴシ</t>
    </rPh>
    <phoneticPr fontId="3"/>
  </si>
  <si>
    <t>通訳スタッフ（派遣）、通訳スタッフ</t>
    <rPh sb="0" eb="2">
      <t>ツウヤク</t>
    </rPh>
    <rPh sb="7" eb="9">
      <t>ハケン</t>
    </rPh>
    <rPh sb="11" eb="13">
      <t>ツウヤク</t>
    </rPh>
    <phoneticPr fontId="3"/>
  </si>
  <si>
    <t>医師（TL/EN）、看護師（EN）、受付（EN）</t>
    <rPh sb="0" eb="2">
      <t>イシ</t>
    </rPh>
    <rPh sb="10" eb="13">
      <t>カンゴシ</t>
    </rPh>
    <rPh sb="18" eb="20">
      <t>ウケツケ</t>
    </rPh>
    <phoneticPr fontId="3"/>
  </si>
  <si>
    <t>通訳スタッフ</t>
    <rPh sb="0" eb="2">
      <t>ツウヤク</t>
    </rPh>
    <phoneticPr fontId="3"/>
  </si>
  <si>
    <t>不要</t>
  </si>
  <si>
    <t>受付スタッフ</t>
    <rPh sb="0" eb="2">
      <t>ウケツケ</t>
    </rPh>
    <phoneticPr fontId="3"/>
  </si>
  <si>
    <t>通訳の同伴がなくても対応可能</t>
    <rPh sb="0" eb="2">
      <t>ツウヤク</t>
    </rPh>
    <rPh sb="3" eb="5">
      <t>ドウハン</t>
    </rPh>
    <rPh sb="10" eb="12">
      <t>タイオウ</t>
    </rPh>
    <rPh sb="12" eb="14">
      <t>カノウ</t>
    </rPh>
    <phoneticPr fontId="3"/>
  </si>
  <si>
    <t>医師</t>
    <rPh sb="0" eb="2">
      <t>イシ</t>
    </rPh>
    <phoneticPr fontId="4"/>
  </si>
  <si>
    <t>通訳の同伴がなくても対応可能</t>
    <phoneticPr fontId="4"/>
  </si>
  <si>
    <t>その他（事務職員）</t>
    <rPh sb="2" eb="3">
      <t>タ</t>
    </rPh>
    <rPh sb="4" eb="6">
      <t>ジム</t>
    </rPh>
    <rPh sb="6" eb="8">
      <t>ショクイン</t>
    </rPh>
    <phoneticPr fontId="3"/>
  </si>
  <si>
    <t>不要</t>
    <rPh sb="0" eb="2">
      <t>フヨウ</t>
    </rPh>
    <phoneticPr fontId="3"/>
  </si>
  <si>
    <t>歯科医師</t>
    <rPh sb="0" eb="2">
      <t>シカ</t>
    </rPh>
    <rPh sb="2" eb="4">
      <t>イシ</t>
    </rPh>
    <phoneticPr fontId="3"/>
  </si>
  <si>
    <t>医師、看護師、受付</t>
    <rPh sb="0" eb="2">
      <t>イシ</t>
    </rPh>
    <rPh sb="3" eb="6">
      <t>カンゴシ</t>
    </rPh>
    <rPh sb="7" eb="9">
      <t>ウケツケ</t>
    </rPh>
    <phoneticPr fontId="3"/>
  </si>
  <si>
    <t>医師、受付、その他</t>
    <rPh sb="0" eb="2">
      <t>イシ</t>
    </rPh>
    <rPh sb="3" eb="5">
      <t>ウケツケ</t>
    </rPh>
    <rPh sb="8" eb="9">
      <t>タ</t>
    </rPh>
    <phoneticPr fontId="3"/>
  </si>
  <si>
    <t>医師（一部）・通訳スタッフ（派遣）</t>
    <rPh sb="0" eb="2">
      <t>イシ</t>
    </rPh>
    <rPh sb="3" eb="5">
      <t>イチブ</t>
    </rPh>
    <rPh sb="7" eb="9">
      <t>ツウヤク</t>
    </rPh>
    <rPh sb="14" eb="16">
      <t>ハケン</t>
    </rPh>
    <phoneticPr fontId="3"/>
  </si>
  <si>
    <t>簡単な診療であれば対応できるが、
通訳同伴が望ましい。</t>
    <phoneticPr fontId="4"/>
  </si>
  <si>
    <t>医師（一部）、看護師、受付スタッフ、通訳スタッフ、その他</t>
    <rPh sb="0" eb="2">
      <t>イシ</t>
    </rPh>
    <rPh sb="3" eb="5">
      <t>イチブ</t>
    </rPh>
    <rPh sb="7" eb="10">
      <t>カンゴシ</t>
    </rPh>
    <rPh sb="11" eb="13">
      <t>ウケツケ</t>
    </rPh>
    <rPh sb="18" eb="20">
      <t>ツウヤク</t>
    </rPh>
    <rPh sb="27" eb="28">
      <t>タ</t>
    </rPh>
    <phoneticPr fontId="3"/>
  </si>
  <si>
    <t>通訳の同伴がなくても対応可能</t>
    <rPh sb="0" eb="2">
      <t>ツウヤク</t>
    </rPh>
    <rPh sb="3" eb="5">
      <t>ドウハン</t>
    </rPh>
    <rPh sb="10" eb="12">
      <t>タイオウ</t>
    </rPh>
    <rPh sb="12" eb="14">
      <t>カノウ</t>
    </rPh>
    <phoneticPr fontId="4"/>
  </si>
  <si>
    <t>簡単な通訳であれば対応できるが、通訳同伴が望ましい</t>
    <rPh sb="0" eb="2">
      <t>カンタン</t>
    </rPh>
    <rPh sb="3" eb="5">
      <t>ツウヤク</t>
    </rPh>
    <rPh sb="9" eb="11">
      <t>タイオウ</t>
    </rPh>
    <rPh sb="16" eb="18">
      <t>ツウヤク</t>
    </rPh>
    <rPh sb="18" eb="20">
      <t>ドウハン</t>
    </rPh>
    <rPh sb="21" eb="22">
      <t>ノゾ</t>
    </rPh>
    <phoneticPr fontId="4"/>
  </si>
  <si>
    <t>不要</t>
    <rPh sb="0" eb="2">
      <t>フヨウ</t>
    </rPh>
    <phoneticPr fontId="4"/>
  </si>
  <si>
    <t>歯科衛生士</t>
    <rPh sb="0" eb="2">
      <t>シカ</t>
    </rPh>
    <rPh sb="2" eb="5">
      <t>エイセイシ</t>
    </rPh>
    <phoneticPr fontId="4"/>
  </si>
  <si>
    <t>院長</t>
    <rPh sb="0" eb="2">
      <t>インチョウ</t>
    </rPh>
    <phoneticPr fontId="4"/>
  </si>
  <si>
    <t>特記事項</t>
  </si>
  <si>
    <t>中国語対応をご希望の方は事前にお電話でお問い合わせください。ご希望のお日にちに通訳スタッフが手配出来ない事がありますので、受付手続きの都合上、通訳同伴でお願いいたします。　
電話: 03-3713-5800  彩新会予約センター</t>
    <phoneticPr fontId="4"/>
  </si>
  <si>
    <t>・受付スタッフは、土曜のみ対応可能
・電話通訳対応は医師、受付スタッフ（患者さんが薬局に行ったときなど）</t>
    <rPh sb="19" eb="21">
      <t>デンワ</t>
    </rPh>
    <rPh sb="21" eb="23">
      <t>ツウヤク</t>
    </rPh>
    <rPh sb="23" eb="25">
      <t>タイオウ</t>
    </rPh>
    <rPh sb="36" eb="38">
      <t>カンジャ</t>
    </rPh>
    <rPh sb="41" eb="43">
      <t>ヤッキョク</t>
    </rPh>
    <rPh sb="44" eb="45">
      <t>イ</t>
    </rPh>
    <phoneticPr fontId="3"/>
  </si>
  <si>
    <t>紹介状が必要。要予約</t>
    <rPh sb="0" eb="3">
      <t>ショウカイジョウ</t>
    </rPh>
    <rPh sb="4" eb="6">
      <t>ヒツヨウ</t>
    </rPh>
    <rPh sb="7" eb="8">
      <t>ヨウ</t>
    </rPh>
    <rPh sb="8" eb="10">
      <t>ヨヤク</t>
    </rPh>
    <phoneticPr fontId="3"/>
  </si>
  <si>
    <t>要予約</t>
    <rPh sb="0" eb="1">
      <t>ヨウ</t>
    </rPh>
    <rPh sb="1" eb="3">
      <t>ヨヤク</t>
    </rPh>
    <phoneticPr fontId="3"/>
  </si>
  <si>
    <t>ＭＩＣかながわ
事前予約(利用日の2日前までに予約）</t>
    <phoneticPr fontId="3"/>
  </si>
  <si>
    <t>事前予約(利用日の2日前までに予約）
通訳対応者（国際医療支援室）</t>
    <rPh sb="19" eb="21">
      <t>ツウヤク</t>
    </rPh>
    <rPh sb="21" eb="23">
      <t>タイオウ</t>
    </rPh>
    <rPh sb="23" eb="24">
      <t>シャ</t>
    </rPh>
    <rPh sb="25" eb="27">
      <t>コクサイ</t>
    </rPh>
    <rPh sb="27" eb="29">
      <t>イリョウ</t>
    </rPh>
    <rPh sb="29" eb="31">
      <t>シエン</t>
    </rPh>
    <rPh sb="31" eb="32">
      <t>シツ</t>
    </rPh>
    <phoneticPr fontId="3"/>
  </si>
  <si>
    <t>通訳の有無に関わらず、まずは電話で予約してください。</t>
    <phoneticPr fontId="4"/>
  </si>
  <si>
    <t>英語希望の方はできれば事前予約を。
通訳同伴が望ましい。</t>
    <rPh sb="0" eb="2">
      <t>エイゴ</t>
    </rPh>
    <rPh sb="2" eb="4">
      <t>キボウ</t>
    </rPh>
    <rPh sb="5" eb="6">
      <t>カタ</t>
    </rPh>
    <rPh sb="11" eb="13">
      <t>ジゼン</t>
    </rPh>
    <rPh sb="13" eb="15">
      <t>ヨヤク</t>
    </rPh>
    <rPh sb="18" eb="20">
      <t>ツウヤク</t>
    </rPh>
    <rPh sb="20" eb="22">
      <t>ドウハン</t>
    </rPh>
    <rPh sb="23" eb="24">
      <t>ノゾ</t>
    </rPh>
    <phoneticPr fontId="3"/>
  </si>
  <si>
    <t>派遣通訳MICかながわは外部委託のため、2平日前までに予約してください。
電話）0466-35-1332</t>
    <rPh sb="0" eb="4">
      <t>ハケンツウヤク</t>
    </rPh>
    <rPh sb="12" eb="16">
      <t>ガイブイタク</t>
    </rPh>
    <rPh sb="21" eb="22">
      <t>ヘイ</t>
    </rPh>
    <rPh sb="22" eb="24">
      <t>カマエ</t>
    </rPh>
    <rPh sb="27" eb="29">
      <t>ヨヤク</t>
    </rPh>
    <rPh sb="37" eb="39">
      <t>デンワ</t>
    </rPh>
    <phoneticPr fontId="3"/>
  </si>
  <si>
    <t>英語は予約不要。
中国語はできれば予約が望ましい。</t>
    <rPh sb="0" eb="2">
      <t>エイゴ</t>
    </rPh>
    <rPh sb="3" eb="5">
      <t>ヨヤク</t>
    </rPh>
    <rPh sb="5" eb="7">
      <t>フヨウ</t>
    </rPh>
    <rPh sb="9" eb="12">
      <t>チュウゴクゴ</t>
    </rPh>
    <rPh sb="17" eb="19">
      <t>ヨヤク</t>
    </rPh>
    <rPh sb="20" eb="21">
      <t>ノゾ</t>
    </rPh>
    <phoneticPr fontId="3"/>
  </si>
  <si>
    <t>予約は不要。受付時等、できれば通訳同伴が望ましい</t>
    <rPh sb="0" eb="2">
      <t>ヨヤク</t>
    </rPh>
    <rPh sb="3" eb="5">
      <t>フヨウ</t>
    </rPh>
    <rPh sb="6" eb="8">
      <t>ウケツケ</t>
    </rPh>
    <rPh sb="8" eb="9">
      <t>ジ</t>
    </rPh>
    <rPh sb="9" eb="10">
      <t>トウ</t>
    </rPh>
    <rPh sb="15" eb="17">
      <t>ツウヤク</t>
    </rPh>
    <rPh sb="17" eb="19">
      <t>ドウハン</t>
    </rPh>
    <rPh sb="20" eb="21">
      <t>ノゾ</t>
    </rPh>
    <phoneticPr fontId="3"/>
  </si>
  <si>
    <t>【外国語対応者】
EN：医師２名、フィリピン人スタッフ（受付）１名
KO：医師１名
TH：医師１名（特に毎週（土）はタイ人スタッフあり）
ES：医師１名
TL：フィリピン人スタッフ
VI：ベトナム人スタッフ</t>
    <rPh sb="1" eb="4">
      <t>ガイコクゴ</t>
    </rPh>
    <rPh sb="4" eb="6">
      <t>タイオウ</t>
    </rPh>
    <rPh sb="6" eb="7">
      <t>シャ</t>
    </rPh>
    <phoneticPr fontId="3"/>
  </si>
  <si>
    <t>予約は不要</t>
    <rPh sb="0" eb="2">
      <t>ヨヤク</t>
    </rPh>
    <rPh sb="3" eb="5">
      <t>フヨウ</t>
    </rPh>
    <phoneticPr fontId="3"/>
  </si>
  <si>
    <t>通訳希望は要予約。
詳細はホームページ参照</t>
    <rPh sb="0" eb="2">
      <t>ツウヤク</t>
    </rPh>
    <rPh sb="2" eb="4">
      <t>キボウ</t>
    </rPh>
    <rPh sb="5" eb="6">
      <t>ヨウ</t>
    </rPh>
    <rPh sb="6" eb="8">
      <t>ヨヤク</t>
    </rPh>
    <rPh sb="10" eb="12">
      <t>ショウサイ</t>
    </rPh>
    <rPh sb="19" eb="21">
      <t>サンショウ</t>
    </rPh>
    <phoneticPr fontId="3"/>
  </si>
  <si>
    <t>中国語は総てでは無いがある程度対応可。ゆっくりお話し下さい。</t>
    <rPh sb="13" eb="15">
      <t>テイド</t>
    </rPh>
    <rPh sb="15" eb="17">
      <t>タイオウ</t>
    </rPh>
    <rPh sb="17" eb="18">
      <t>カ</t>
    </rPh>
    <phoneticPr fontId="3"/>
  </si>
  <si>
    <t>通訳可能な受付は非常勤のため、事前に電話で確認してください。</t>
    <rPh sb="0" eb="2">
      <t>ツウ</t>
    </rPh>
    <rPh sb="2" eb="4">
      <t>カノウ</t>
    </rPh>
    <rPh sb="5" eb="7">
      <t>ウケツケ</t>
    </rPh>
    <rPh sb="8" eb="11">
      <t>ヒジョウ</t>
    </rPh>
    <rPh sb="15" eb="17">
      <t>ジゼn</t>
    </rPh>
    <rPh sb="18" eb="20">
      <t>デンワ</t>
    </rPh>
    <rPh sb="21" eb="23">
      <t>カクニn</t>
    </rPh>
    <phoneticPr fontId="4"/>
  </si>
  <si>
    <t>医療通訳可能な職員（看護師）は交代勤務のため、当該職員が勤務中に限り対応可能。</t>
    <rPh sb="0" eb="4">
      <t>イリョウツウヤク</t>
    </rPh>
    <rPh sb="4" eb="6">
      <t>カノウ</t>
    </rPh>
    <rPh sb="7" eb="9">
      <t>ショクイン</t>
    </rPh>
    <rPh sb="10" eb="13">
      <t>カンゴシ</t>
    </rPh>
    <rPh sb="15" eb="17">
      <t>コウタイ</t>
    </rPh>
    <rPh sb="17" eb="19">
      <t>キンム</t>
    </rPh>
    <rPh sb="23" eb="25">
      <t>トウガイ</t>
    </rPh>
    <rPh sb="25" eb="27">
      <t>ショクイン</t>
    </rPh>
    <rPh sb="28" eb="31">
      <t>キンムチュウ</t>
    </rPh>
    <rPh sb="32" eb="33">
      <t>カギ</t>
    </rPh>
    <rPh sb="34" eb="36">
      <t>タイオウ</t>
    </rPh>
    <rPh sb="36" eb="38">
      <t>カノウ</t>
    </rPh>
    <phoneticPr fontId="3"/>
  </si>
  <si>
    <t>通訳希望の場合は要予約。</t>
    <rPh sb="0" eb="2">
      <t>ツウヤク</t>
    </rPh>
    <rPh sb="2" eb="4">
      <t>キボウ</t>
    </rPh>
    <rPh sb="5" eb="7">
      <t>バアイ</t>
    </rPh>
    <rPh sb="8" eb="9">
      <t>ヨウ</t>
    </rPh>
    <rPh sb="9" eb="11">
      <t>ヨヤク</t>
    </rPh>
    <phoneticPr fontId="3"/>
  </si>
  <si>
    <t>電話またはオンラインでの事前予約が必要。
通訳対応者：
・医師　タガログ語＆英語
・看護師　英語
・受付スタッフ　英語</t>
    <rPh sb="0" eb="2">
      <t>デンワ</t>
    </rPh>
    <rPh sb="12" eb="14">
      <t>ジゼン</t>
    </rPh>
    <rPh sb="14" eb="16">
      <t>ヨヤク</t>
    </rPh>
    <rPh sb="17" eb="19">
      <t>ヒツヨウ</t>
    </rPh>
    <rPh sb="21" eb="23">
      <t>ツウヤク</t>
    </rPh>
    <rPh sb="23" eb="25">
      <t>タイオウ</t>
    </rPh>
    <rPh sb="25" eb="26">
      <t>シャ</t>
    </rPh>
    <rPh sb="29" eb="31">
      <t>イシ</t>
    </rPh>
    <rPh sb="36" eb="37">
      <t>ゴ</t>
    </rPh>
    <rPh sb="38" eb="40">
      <t>エイゴ</t>
    </rPh>
    <rPh sb="42" eb="45">
      <t>カンゴシ</t>
    </rPh>
    <rPh sb="46" eb="48">
      <t>エイゴ</t>
    </rPh>
    <rPh sb="50" eb="52">
      <t>ウケツケ</t>
    </rPh>
    <rPh sb="57" eb="59">
      <t>エイゴ</t>
    </rPh>
    <phoneticPr fontId="3"/>
  </si>
  <si>
    <t>電話：045-832-1111(代表)　</t>
    <rPh sb="0" eb="2">
      <t>デンワ</t>
    </rPh>
    <rPh sb="16" eb="18">
      <t>ダイヒョウ</t>
    </rPh>
    <phoneticPr fontId="3"/>
  </si>
  <si>
    <t>通訳の電話予約は不要ですが、発熱などの症状がある場合はまず電話を入れてください。</t>
    <phoneticPr fontId="4"/>
  </si>
  <si>
    <t>通訳の電話予約は不要ですが、発熱などの症状がある場合はまず電話を入れてください。</t>
  </si>
  <si>
    <t>一度電話で確認が望ましい</t>
    <rPh sb="0" eb="2">
      <t>イチド</t>
    </rPh>
    <rPh sb="2" eb="4">
      <t>デンワ</t>
    </rPh>
    <rPh sb="5" eb="7">
      <t>カクニン</t>
    </rPh>
    <rPh sb="8" eb="9">
      <t>ノゾ</t>
    </rPh>
    <phoneticPr fontId="3"/>
  </si>
  <si>
    <t>電話で要予約</t>
    <rPh sb="0" eb="2">
      <t>デンワ</t>
    </rPh>
    <rPh sb="3" eb="4">
      <t>ヨウ</t>
    </rPh>
    <rPh sb="4" eb="6">
      <t>ヨヤク</t>
    </rPh>
    <phoneticPr fontId="3"/>
  </si>
  <si>
    <t>電話で予約をして下さい。（その際に母国語や英語のレベルなどお伝えください）</t>
    <rPh sb="0" eb="2">
      <t>デンワ</t>
    </rPh>
    <rPh sb="3" eb="5">
      <t>ヨヤク</t>
    </rPh>
    <rPh sb="8" eb="9">
      <t>クダ</t>
    </rPh>
    <rPh sb="15" eb="16">
      <t>サイ</t>
    </rPh>
    <rPh sb="17" eb="20">
      <t>ボコクゴ</t>
    </rPh>
    <rPh sb="21" eb="23">
      <t>エイゴ</t>
    </rPh>
    <rPh sb="30" eb="31">
      <t>ツタ</t>
    </rPh>
    <phoneticPr fontId="3"/>
  </si>
  <si>
    <t>通訳希望の場合は要事前予約</t>
    <rPh sb="0" eb="2">
      <t>ツウヤク</t>
    </rPh>
    <rPh sb="2" eb="4">
      <t>キボウ</t>
    </rPh>
    <rPh sb="5" eb="7">
      <t>バアイ</t>
    </rPh>
    <rPh sb="8" eb="9">
      <t>ヨウ</t>
    </rPh>
    <rPh sb="9" eb="11">
      <t>ジゼン</t>
    </rPh>
    <rPh sb="11" eb="13">
      <t>ヨヤク</t>
    </rPh>
    <phoneticPr fontId="3"/>
  </si>
  <si>
    <t>通訳希望の場合は、事前に電話連絡が望ましい。</t>
    <rPh sb="0" eb="2">
      <t>ツウヤク</t>
    </rPh>
    <rPh sb="2" eb="4">
      <t>キボウ</t>
    </rPh>
    <rPh sb="5" eb="7">
      <t>バアイ</t>
    </rPh>
    <rPh sb="9" eb="11">
      <t>ジゼン</t>
    </rPh>
    <rPh sb="12" eb="14">
      <t>デンワ</t>
    </rPh>
    <rPh sb="14" eb="16">
      <t>レンラク</t>
    </rPh>
    <rPh sb="17" eb="18">
      <t>ノゾ</t>
    </rPh>
    <phoneticPr fontId="3"/>
  </si>
  <si>
    <t>医師（２名）が通訳アプリを使って直接対応。（６０カ国語）</t>
    <phoneticPr fontId="4"/>
  </si>
  <si>
    <t>予約は不要。受付時間は診療時間の１５分前</t>
    <rPh sb="0" eb="2">
      <t>ヨヤク</t>
    </rPh>
    <rPh sb="3" eb="5">
      <t>フヨウ</t>
    </rPh>
    <rPh sb="6" eb="8">
      <t>ウケツケ</t>
    </rPh>
    <rPh sb="8" eb="10">
      <t>ジカン</t>
    </rPh>
    <rPh sb="11" eb="13">
      <t>シンリョウ</t>
    </rPh>
    <rPh sb="13" eb="15">
      <t>ジカン</t>
    </rPh>
    <rPh sb="18" eb="20">
      <t>フンマエ</t>
    </rPh>
    <phoneticPr fontId="3"/>
  </si>
  <si>
    <t xml:space="preserve">ビデオ通訳は患者負担なしで利用できるため、ビデオ通訳を勧めている。
医療通訳は外部委託のため、
予約）1週間前に予約が必要
電話）045-628-6100
</t>
    <rPh sb="3" eb="5">
      <t>ツウヤク</t>
    </rPh>
    <rPh sb="6" eb="8">
      <t>カンジャ</t>
    </rPh>
    <rPh sb="8" eb="10">
      <t>フタン</t>
    </rPh>
    <rPh sb="13" eb="15">
      <t>リヨウ</t>
    </rPh>
    <rPh sb="24" eb="26">
      <t>ツウヤク</t>
    </rPh>
    <rPh sb="27" eb="28">
      <t>スス</t>
    </rPh>
    <rPh sb="34" eb="38">
      <t>イリョウツウヤク</t>
    </rPh>
    <rPh sb="39" eb="41">
      <t>ガイブ</t>
    </rPh>
    <rPh sb="41" eb="43">
      <t>イタク</t>
    </rPh>
    <rPh sb="48" eb="50">
      <t>ヨヤク</t>
    </rPh>
    <rPh sb="52" eb="54">
      <t>シュウカン</t>
    </rPh>
    <rPh sb="54" eb="55">
      <t>マエ</t>
    </rPh>
    <rPh sb="56" eb="58">
      <t>ヨヤク</t>
    </rPh>
    <rPh sb="59" eb="61">
      <t>ヒツヨウ</t>
    </rPh>
    <rPh sb="62" eb="64">
      <t>デンワ</t>
    </rPh>
    <phoneticPr fontId="3"/>
  </si>
  <si>
    <t>英語での診療を希望される場合は、事前に電話で問合せてください（対応できる職員、時間によるため）。問合せはできれば日本語でお願いします。</t>
    <phoneticPr fontId="4"/>
  </si>
  <si>
    <t xml:space="preserve">英語での診療を希望される場合は、事前に電話で問合せてください（対応できる職員、時間によるため）。問合せはできれば日本語でお願いします。
</t>
    <phoneticPr fontId="4"/>
  </si>
  <si>
    <t>通訳対応の時間帯は通訳の同伴がなくても対応可能。それ以外の時間帯はENであれば簡単な診療であれば対応可能</t>
    <rPh sb="0" eb="2">
      <t>ツウヤク</t>
    </rPh>
    <rPh sb="2" eb="4">
      <t>タイオウ</t>
    </rPh>
    <phoneticPr fontId="3"/>
  </si>
  <si>
    <t>通訳の有無にかかわらず、予約必要。予約の際に通訳が必要な旨をお伝えください。</t>
    <phoneticPr fontId="4"/>
  </si>
  <si>
    <t>原則的に電話、ビデオ、機械通訳を使用します。派遣通訳を利用する際は当院のスタッフが派遣通訳利用の必要性を判断し予約を行います。</t>
    <rPh sb="0" eb="3">
      <t>ゲンソクテキ</t>
    </rPh>
    <rPh sb="4" eb="6">
      <t>デンワ</t>
    </rPh>
    <rPh sb="11" eb="13">
      <t>キカイ</t>
    </rPh>
    <rPh sb="13" eb="15">
      <t>ツウヤク</t>
    </rPh>
    <rPh sb="16" eb="18">
      <t>シヨウ</t>
    </rPh>
    <rPh sb="22" eb="24">
      <t>ハケン</t>
    </rPh>
    <rPh sb="24" eb="26">
      <t>ツウヤク</t>
    </rPh>
    <rPh sb="27" eb="29">
      <t>リヨウ</t>
    </rPh>
    <rPh sb="31" eb="32">
      <t>サイ</t>
    </rPh>
    <rPh sb="33" eb="35">
      <t>トウイン</t>
    </rPh>
    <rPh sb="41" eb="43">
      <t>ハケン</t>
    </rPh>
    <rPh sb="43" eb="45">
      <t>ツウヤク</t>
    </rPh>
    <rPh sb="45" eb="47">
      <t>リヨウ</t>
    </rPh>
    <rPh sb="48" eb="51">
      <t>ヒツヨウセイ</t>
    </rPh>
    <rPh sb="52" eb="54">
      <t>ハンダン</t>
    </rPh>
    <rPh sb="55" eb="57">
      <t>ヨヤク</t>
    </rPh>
    <rPh sb="58" eb="59">
      <t>オコナ</t>
    </rPh>
    <phoneticPr fontId="3"/>
  </si>
  <si>
    <t>事前予約でも直接来院でも可</t>
    <rPh sb="0" eb="2">
      <t>ジゼン</t>
    </rPh>
    <rPh sb="2" eb="4">
      <t>ヨヤク</t>
    </rPh>
    <rPh sb="6" eb="8">
      <t>チョクセツ</t>
    </rPh>
    <rPh sb="8" eb="10">
      <t>ライイン</t>
    </rPh>
    <rPh sb="12" eb="13">
      <t>カ</t>
    </rPh>
    <phoneticPr fontId="3"/>
  </si>
  <si>
    <t>対応時間内であれば予約は不要。
詳細はホームぺージを確認</t>
    <phoneticPr fontId="4"/>
  </si>
  <si>
    <t>通訳希望の場合は、事前にご連絡ください。</t>
    <rPh sb="0" eb="2">
      <t>ツウヤク</t>
    </rPh>
    <rPh sb="2" eb="4">
      <t>キボウ</t>
    </rPh>
    <rPh sb="5" eb="7">
      <t>バアイ</t>
    </rPh>
    <rPh sb="9" eb="11">
      <t>ジゼン</t>
    </rPh>
    <rPh sb="13" eb="15">
      <t>レンラク</t>
    </rPh>
    <phoneticPr fontId="3"/>
  </si>
  <si>
    <t>通訳対応は基本的に医師。シフトによっては対応可能な看護師、受付がいる場合あり。
科によっては英語対応可能な医師が常駐ではない場合もあり。中国語希望の時は事前に電話で確認が望ましい。</t>
    <rPh sb="0" eb="2">
      <t>ツウヤク</t>
    </rPh>
    <rPh sb="2" eb="4">
      <t>タイオウ</t>
    </rPh>
    <rPh sb="5" eb="7">
      <t>キホン</t>
    </rPh>
    <rPh sb="7" eb="8">
      <t>テキ</t>
    </rPh>
    <rPh sb="9" eb="11">
      <t>イシ</t>
    </rPh>
    <rPh sb="20" eb="22">
      <t>タイオウ</t>
    </rPh>
    <rPh sb="22" eb="24">
      <t>カノウ</t>
    </rPh>
    <rPh sb="25" eb="28">
      <t>カンゴシ</t>
    </rPh>
    <rPh sb="29" eb="31">
      <t>ウケツケ</t>
    </rPh>
    <rPh sb="34" eb="36">
      <t>バアイ</t>
    </rPh>
    <rPh sb="40" eb="41">
      <t>カ</t>
    </rPh>
    <rPh sb="46" eb="48">
      <t>エイゴ</t>
    </rPh>
    <rPh sb="48" eb="50">
      <t>タイオウ</t>
    </rPh>
    <rPh sb="50" eb="52">
      <t>カノウ</t>
    </rPh>
    <rPh sb="53" eb="55">
      <t>イシ</t>
    </rPh>
    <rPh sb="56" eb="58">
      <t>ジョウチュウ</t>
    </rPh>
    <rPh sb="62" eb="64">
      <t>バアイ</t>
    </rPh>
    <rPh sb="68" eb="71">
      <t>チュウゴクゴ</t>
    </rPh>
    <rPh sb="71" eb="73">
      <t>キボウ</t>
    </rPh>
    <rPh sb="74" eb="75">
      <t>トキ</t>
    </rPh>
    <rPh sb="76" eb="78">
      <t>ジゼン</t>
    </rPh>
    <rPh sb="79" eb="81">
      <t>デンワ</t>
    </rPh>
    <rPh sb="82" eb="84">
      <t>カクニン</t>
    </rPh>
    <rPh sb="85" eb="86">
      <t>ノゾ</t>
    </rPh>
    <phoneticPr fontId="3"/>
  </si>
  <si>
    <t>予約優先のため、英語通訳を希望の場合は要予約</t>
    <phoneticPr fontId="4"/>
  </si>
  <si>
    <t>受付スタッフ/医師/歯科衛生士で外国語対応可能</t>
    <rPh sb="0" eb="2">
      <t>ウケツケ</t>
    </rPh>
    <rPh sb="7" eb="9">
      <t>イシ</t>
    </rPh>
    <rPh sb="10" eb="12">
      <t>シカ</t>
    </rPh>
    <rPh sb="12" eb="15">
      <t>エイセイシ</t>
    </rPh>
    <rPh sb="16" eb="19">
      <t>ガイコクゴ</t>
    </rPh>
    <rPh sb="19" eb="21">
      <t>タイオウ</t>
    </rPh>
    <rPh sb="21" eb="23">
      <t>カノウ</t>
    </rPh>
    <phoneticPr fontId="3"/>
  </si>
  <si>
    <t>通訳の有無に関わらず診療は予約制。予約時に通訳が必要な旨を伝えて下さい。</t>
    <phoneticPr fontId="4"/>
  </si>
  <si>
    <t>予約不要</t>
    <rPh sb="0" eb="2">
      <t>ヨヤク</t>
    </rPh>
    <rPh sb="2" eb="4">
      <t>フヨウ</t>
    </rPh>
    <phoneticPr fontId="3"/>
  </si>
  <si>
    <t>医療通訳は外部に予約が必要なため、
可能な限り早めに連絡をお願いいたします。
電話）０４４-７６６－２１８８</t>
    <rPh sb="0" eb="2">
      <t>イリョウ</t>
    </rPh>
    <rPh sb="2" eb="4">
      <t>ツウヤク</t>
    </rPh>
    <rPh sb="5" eb="7">
      <t>ガイブ</t>
    </rPh>
    <rPh sb="8" eb="10">
      <t>ヨヤク</t>
    </rPh>
    <rPh sb="11" eb="13">
      <t>ヒツヨウ</t>
    </rPh>
    <rPh sb="18" eb="20">
      <t>カノウ</t>
    </rPh>
    <rPh sb="21" eb="22">
      <t>カギ</t>
    </rPh>
    <rPh sb="23" eb="24">
      <t>ハヤ</t>
    </rPh>
    <rPh sb="26" eb="28">
      <t>レンラク</t>
    </rPh>
    <rPh sb="30" eb="31">
      <t>ネガ</t>
    </rPh>
    <rPh sb="39" eb="41">
      <t>デンワ</t>
    </rPh>
    <phoneticPr fontId="3"/>
  </si>
  <si>
    <t>通常な医療通訳であれば特にありません、別途専門の医療通訳であれば要相談。韓国語KOの対応が必要な場合木曜日9：00-12:00,14:00-18:00</t>
    <rPh sb="0" eb="2">
      <t>ツウジョウ</t>
    </rPh>
    <rPh sb="3" eb="5">
      <t>イリョウ</t>
    </rPh>
    <rPh sb="5" eb="7">
      <t>ツウヤク</t>
    </rPh>
    <rPh sb="11" eb="12">
      <t>トク</t>
    </rPh>
    <rPh sb="19" eb="21">
      <t>ベット</t>
    </rPh>
    <rPh sb="21" eb="23">
      <t>センモン</t>
    </rPh>
    <rPh sb="24" eb="26">
      <t>イリョウ</t>
    </rPh>
    <rPh sb="26" eb="28">
      <t>ツウヤク</t>
    </rPh>
    <rPh sb="32" eb="35">
      <t>ヨウソウダン</t>
    </rPh>
    <rPh sb="36" eb="39">
      <t>カンコクゴ</t>
    </rPh>
    <rPh sb="42" eb="44">
      <t>タイオウ</t>
    </rPh>
    <rPh sb="45" eb="47">
      <t>ヒツヨウ</t>
    </rPh>
    <rPh sb="48" eb="50">
      <t>バアイ</t>
    </rPh>
    <rPh sb="50" eb="53">
      <t>モクヨウビ</t>
    </rPh>
    <phoneticPr fontId="3"/>
  </si>
  <si>
    <t>・18か国語の問診票有
・英語と中国語の予約サイト有
・当日予約可能
・外国人患者向けYoutubeチャンネル有</t>
    <rPh sb="4" eb="6">
      <t>コクゴ</t>
    </rPh>
    <rPh sb="7" eb="10">
      <t>モンシンヒョウ</t>
    </rPh>
    <rPh sb="10" eb="11">
      <t>ア</t>
    </rPh>
    <rPh sb="13" eb="15">
      <t>エイゴ</t>
    </rPh>
    <rPh sb="16" eb="19">
      <t>チュウゴクゴ</t>
    </rPh>
    <rPh sb="20" eb="22">
      <t>ヨヤク</t>
    </rPh>
    <rPh sb="25" eb="26">
      <t>アリ</t>
    </rPh>
    <rPh sb="28" eb="30">
      <t>トウジツ</t>
    </rPh>
    <rPh sb="30" eb="32">
      <t>ヨヤク</t>
    </rPh>
    <rPh sb="32" eb="34">
      <t>カノウ</t>
    </rPh>
    <rPh sb="36" eb="39">
      <t>ガイコクジン</t>
    </rPh>
    <rPh sb="39" eb="41">
      <t>カンジャ</t>
    </rPh>
    <rPh sb="41" eb="42">
      <t>ム</t>
    </rPh>
    <rPh sb="55" eb="56">
      <t>アリ</t>
    </rPh>
    <phoneticPr fontId="1"/>
  </si>
  <si>
    <t>対応は院長のため、受診前に電話（046-861-8148）で在院長確認の上、いらしてください</t>
    <rPh sb="0" eb="2">
      <t>タイオウ</t>
    </rPh>
    <rPh sb="3" eb="5">
      <t>インチョウ</t>
    </rPh>
    <rPh sb="9" eb="11">
      <t>ジュシン</t>
    </rPh>
    <rPh sb="11" eb="12">
      <t>マエ</t>
    </rPh>
    <rPh sb="13" eb="15">
      <t>デンワ</t>
    </rPh>
    <rPh sb="30" eb="31">
      <t>ザイ</t>
    </rPh>
    <rPh sb="31" eb="33">
      <t>インチョウ</t>
    </rPh>
    <rPh sb="33" eb="35">
      <t>カクニン</t>
    </rPh>
    <rPh sb="36" eb="37">
      <t>ウエ</t>
    </rPh>
    <phoneticPr fontId="4"/>
  </si>
  <si>
    <t>選出年度</t>
    <rPh sb="0" eb="2">
      <t>センシュツ</t>
    </rPh>
    <rPh sb="2" eb="3">
      <t>ネン</t>
    </rPh>
    <rPh sb="3" eb="4">
      <t>ド</t>
    </rPh>
    <phoneticPr fontId="4"/>
  </si>
  <si>
    <t>R1.6</t>
  </si>
  <si>
    <t>R2.6</t>
  </si>
  <si>
    <t>R1.9</t>
  </si>
  <si>
    <t>R3.6</t>
  </si>
  <si>
    <t>R3.12</t>
  </si>
  <si>
    <t>医療法人徳洲会　湘南鎌倉総合病院</t>
    <rPh sb="0" eb="4">
      <t>イリョウホウジン</t>
    </rPh>
    <rPh sb="4" eb="7">
      <t>トクシュウカイ</t>
    </rPh>
    <rPh sb="8" eb="16">
      <t>ショウナンカマクラソウゴウビョウイン</t>
    </rPh>
    <phoneticPr fontId="9"/>
  </si>
  <si>
    <t>No.</t>
    <phoneticPr fontId="4"/>
  </si>
  <si>
    <t>二次医療圏</t>
    <rPh sb="0" eb="2">
      <t>ニジ</t>
    </rPh>
    <rPh sb="2" eb="4">
      <t>イリョウ</t>
    </rPh>
    <rPh sb="4" eb="5">
      <t>ケン</t>
    </rPh>
    <phoneticPr fontId="4"/>
  </si>
  <si>
    <t>横浜</t>
  </si>
  <si>
    <t>横浜</t>
    <rPh sb="0" eb="2">
      <t>ヨコハマ</t>
    </rPh>
    <phoneticPr fontId="4"/>
  </si>
  <si>
    <t>川崎北部</t>
  </si>
  <si>
    <t>川崎南部</t>
  </si>
  <si>
    <t>相模原</t>
  </si>
  <si>
    <t>横須賀・三浦</t>
  </si>
  <si>
    <t>湘南東部</t>
  </si>
  <si>
    <t>湘南西部</t>
  </si>
  <si>
    <t>県央</t>
  </si>
  <si>
    <t>県西</t>
  </si>
  <si>
    <t>外国語レベル</t>
    <phoneticPr fontId="4"/>
  </si>
  <si>
    <t>対応診療科</t>
    <phoneticPr fontId="4"/>
  </si>
  <si>
    <t>対応外国語</t>
    <rPh sb="0" eb="2">
      <t>タイオウ</t>
    </rPh>
    <rPh sb="2" eb="5">
      <t>ガイコクゴ</t>
    </rPh>
    <phoneticPr fontId="4"/>
  </si>
  <si>
    <t xml:space="preserve">眼科
</t>
    <phoneticPr fontId="9"/>
  </si>
  <si>
    <t xml:space="preserve">救急科/内科/外科/小児科/精神科/皮膚科/脳神経外科/泌尿器科/整形外科/眼科/耳鼻咽喉科/産科/婦人科/歯科
</t>
    <phoneticPr fontId="9"/>
  </si>
  <si>
    <t>総合内科/消化器内科/呼吸器内科/腎臓高血圧内科/糖尿病・分泌内科/神経内科/血液内科/リウマチ・膠原病内科/循環器内科/精神科/小児科・新生児内科/外科/整形外科/脳神経外科/皮膚科/泌尿器科/産婦人科/眼科/耳鼻咽喉科・頭頸部外科/リハビリテーション科/放射線科/歯科口腔外科/麻酔科/心臓血管外科/呼吸器外科/IVR科/緩和医療科/病理診断科/形成外科/救急診療科　　　　　　　　　　　　　　　　　　　　　　　　</t>
    <rPh sb="0" eb="4">
      <t>ソウゴウナイカ</t>
    </rPh>
    <rPh sb="5" eb="10">
      <t>ショウカキナイカ</t>
    </rPh>
    <rPh sb="11" eb="16">
      <t>コキュウキナイカ</t>
    </rPh>
    <rPh sb="17" eb="24">
      <t>ジンゾウコウケツアツナイカ</t>
    </rPh>
    <rPh sb="25" eb="28">
      <t>トウニョウビョウ</t>
    </rPh>
    <rPh sb="34" eb="38">
      <t>シンケイナイカ</t>
    </rPh>
    <rPh sb="39" eb="43">
      <t>ケツエキナイカ</t>
    </rPh>
    <rPh sb="49" eb="54">
      <t>コウゲンビョウナイカ</t>
    </rPh>
    <rPh sb="55" eb="60">
      <t>ジュンカンキナイカ</t>
    </rPh>
    <rPh sb="61" eb="64">
      <t>セイシンカ</t>
    </rPh>
    <rPh sb="65" eb="68">
      <t>ショウニカ</t>
    </rPh>
    <rPh sb="69" eb="74">
      <t>シンセイジナイカ</t>
    </rPh>
    <rPh sb="75" eb="77">
      <t>ゲカ</t>
    </rPh>
    <rPh sb="78" eb="82">
      <t>セイケイゲカ</t>
    </rPh>
    <rPh sb="83" eb="88">
      <t>ノウシンケイゲカ</t>
    </rPh>
    <rPh sb="89" eb="92">
      <t>ヒフカ</t>
    </rPh>
    <rPh sb="93" eb="97">
      <t>ヒニョウキカ</t>
    </rPh>
    <rPh sb="98" eb="102">
      <t>サンフジンカ</t>
    </rPh>
    <rPh sb="103" eb="105">
      <t>ガンカ</t>
    </rPh>
    <rPh sb="106" eb="111">
      <t>ジビインコウカ</t>
    </rPh>
    <rPh sb="112" eb="115">
      <t>トウケイブ</t>
    </rPh>
    <rPh sb="115" eb="117">
      <t>ゲカ</t>
    </rPh>
    <rPh sb="127" eb="128">
      <t>カ</t>
    </rPh>
    <rPh sb="129" eb="133">
      <t>ホウシャセンカ</t>
    </rPh>
    <rPh sb="134" eb="140">
      <t>シカコウクウゲカ</t>
    </rPh>
    <rPh sb="141" eb="144">
      <t>マスイカ</t>
    </rPh>
    <rPh sb="145" eb="151">
      <t>シンゾウケッカンゲカ</t>
    </rPh>
    <rPh sb="152" eb="157">
      <t>コキュウキゲカ</t>
    </rPh>
    <rPh sb="161" eb="162">
      <t>カ</t>
    </rPh>
    <phoneticPr fontId="9"/>
  </si>
  <si>
    <t>救急科/内科/外科/皮膚科/脳神経外科/泌尿器科/整形外科</t>
    <phoneticPr fontId="9"/>
  </si>
  <si>
    <t>耳鼻咽喉科</t>
    <rPh sb="0" eb="2">
      <t>ジビ</t>
    </rPh>
    <rPh sb="2" eb="4">
      <t>インコウ</t>
    </rPh>
    <rPh sb="4" eb="5">
      <t>カ</t>
    </rPh>
    <phoneticPr fontId="9"/>
  </si>
  <si>
    <t xml:space="preserve">内科/外科/産婦人科/眼科/皮膚科/小児科/歯科/整形外科/泌尿器科/耳鼻科
</t>
    <rPh sb="0" eb="2">
      <t>ナイカ</t>
    </rPh>
    <rPh sb="3" eb="5">
      <t>ゲカ</t>
    </rPh>
    <rPh sb="6" eb="10">
      <t>サンフジンカ</t>
    </rPh>
    <rPh sb="11" eb="13">
      <t>ガンカ</t>
    </rPh>
    <rPh sb="14" eb="17">
      <t>ヒフカ</t>
    </rPh>
    <rPh sb="18" eb="21">
      <t>ショウニカ</t>
    </rPh>
    <rPh sb="22" eb="24">
      <t>シカ</t>
    </rPh>
    <rPh sb="25" eb="27">
      <t>セイケイ</t>
    </rPh>
    <rPh sb="27" eb="29">
      <t>ゲカ</t>
    </rPh>
    <rPh sb="30" eb="34">
      <t>ヒニョウキカ</t>
    </rPh>
    <rPh sb="35" eb="38">
      <t>ジビカ</t>
    </rPh>
    <phoneticPr fontId="9"/>
  </si>
  <si>
    <t xml:space="preserve">救急科/内科/外科/小児科/精神科/皮膚科/脳神経外科/泌尿器科/整形外科/眼科/耳鼻咽喉科/産婦人科/その他
</t>
    <rPh sb="48" eb="50">
      <t>フジン</t>
    </rPh>
    <phoneticPr fontId="9"/>
  </si>
  <si>
    <t>救急科/整形外科/総合内科/消化器内科/消化器外科/小児肝臓消化器科/呼吸器内科/呼吸器外科/循環器内科/不整脈科/心臓血管外科/血管外科/糖尿病・内分泌内科/脳血管・神経内科/脳神経外科・脳血管内治療科/腎臓内科/泌尿器科/産婦人科/乳腺外科/小児科/精神科/リハビリテーション科/眼科/耳鼻咽喉科/皮膚科/口腔外科/集中治療科/麻酔科/放射線治療科/放射線診断科/病理科/臨床検査科</t>
    <rPh sb="0" eb="2">
      <t>キュウキュウ</t>
    </rPh>
    <rPh sb="2" eb="3">
      <t>カ</t>
    </rPh>
    <rPh sb="4" eb="6">
      <t>セイケイ</t>
    </rPh>
    <rPh sb="6" eb="8">
      <t>ゲカ</t>
    </rPh>
    <rPh sb="9" eb="11">
      <t>ソウゴウ</t>
    </rPh>
    <rPh sb="11" eb="13">
      <t>ナイカ</t>
    </rPh>
    <rPh sb="14" eb="17">
      <t>ショウカキ</t>
    </rPh>
    <rPh sb="17" eb="19">
      <t>ナイカ</t>
    </rPh>
    <rPh sb="20" eb="23">
      <t>ショウカキ</t>
    </rPh>
    <rPh sb="23" eb="25">
      <t>ゲカ</t>
    </rPh>
    <rPh sb="26" eb="28">
      <t>ショウニ</t>
    </rPh>
    <rPh sb="28" eb="30">
      <t>カンゾウ</t>
    </rPh>
    <rPh sb="30" eb="33">
      <t>ショウカキ</t>
    </rPh>
    <rPh sb="33" eb="34">
      <t>カ</t>
    </rPh>
    <rPh sb="35" eb="38">
      <t>コキュウキ</t>
    </rPh>
    <rPh sb="38" eb="40">
      <t>ナイカ</t>
    </rPh>
    <rPh sb="41" eb="44">
      <t>コキュウキ</t>
    </rPh>
    <rPh sb="44" eb="46">
      <t>ゲカ</t>
    </rPh>
    <rPh sb="47" eb="50">
      <t>ジュンカンキ</t>
    </rPh>
    <rPh sb="50" eb="52">
      <t>ナイカ</t>
    </rPh>
    <rPh sb="53" eb="56">
      <t>フセイミャク</t>
    </rPh>
    <rPh sb="56" eb="57">
      <t>カ</t>
    </rPh>
    <rPh sb="58" eb="60">
      <t>シンゾウ</t>
    </rPh>
    <rPh sb="60" eb="62">
      <t>ケッカン</t>
    </rPh>
    <rPh sb="62" eb="64">
      <t>ゲカ</t>
    </rPh>
    <rPh sb="65" eb="67">
      <t>ケッカン</t>
    </rPh>
    <rPh sb="67" eb="69">
      <t>ゲカ</t>
    </rPh>
    <rPh sb="70" eb="73">
      <t>トウニョウビョウ</t>
    </rPh>
    <rPh sb="74" eb="77">
      <t>ナイブンピツ</t>
    </rPh>
    <rPh sb="77" eb="79">
      <t>ナイカ</t>
    </rPh>
    <rPh sb="80" eb="81">
      <t>ノウ</t>
    </rPh>
    <rPh sb="81" eb="83">
      <t>ケッカン</t>
    </rPh>
    <rPh sb="84" eb="86">
      <t>シンケイ</t>
    </rPh>
    <rPh sb="86" eb="88">
      <t>ナイカ</t>
    </rPh>
    <rPh sb="89" eb="92">
      <t>ノウシンケイ</t>
    </rPh>
    <rPh sb="92" eb="94">
      <t>ゲカ</t>
    </rPh>
    <rPh sb="95" eb="96">
      <t>ノウ</t>
    </rPh>
    <rPh sb="96" eb="98">
      <t>ケッカン</t>
    </rPh>
    <rPh sb="98" eb="99">
      <t>ナイ</t>
    </rPh>
    <rPh sb="99" eb="101">
      <t>チリョウ</t>
    </rPh>
    <rPh sb="101" eb="102">
      <t>カ</t>
    </rPh>
    <rPh sb="103" eb="105">
      <t>ジンゾウ</t>
    </rPh>
    <rPh sb="105" eb="107">
      <t>ナイカ</t>
    </rPh>
    <rPh sb="108" eb="112">
      <t>ヒニョウキカ</t>
    </rPh>
    <rPh sb="113" eb="117">
      <t>サンフジンカ</t>
    </rPh>
    <rPh sb="118" eb="120">
      <t>ニュウセン</t>
    </rPh>
    <rPh sb="120" eb="122">
      <t>ゲカ</t>
    </rPh>
    <rPh sb="123" eb="125">
      <t>ショウニ</t>
    </rPh>
    <rPh sb="125" eb="126">
      <t>カ</t>
    </rPh>
    <rPh sb="127" eb="130">
      <t>セイシンカ</t>
    </rPh>
    <rPh sb="140" eb="141">
      <t>カ</t>
    </rPh>
    <rPh sb="142" eb="144">
      <t>ガンカ</t>
    </rPh>
    <phoneticPr fontId="9"/>
  </si>
  <si>
    <t>全診療科</t>
    <rPh sb="0" eb="1">
      <t>ゼン</t>
    </rPh>
    <rPh sb="1" eb="4">
      <t>シンリョウカ</t>
    </rPh>
    <phoneticPr fontId="9"/>
  </si>
  <si>
    <t>救急科：EN/呼吸器内科：EN/IBD科：EN/産婦人科：EN/眼科：EN/耳鼻咽喉科：EN/感染症内科：EN/緩和ケア内科：EN/腎臓内科：EN/脳神経内科：EN、FR/循環器内科：EN/小児科：EN/消化器外科：EN/脳血管内治療科：EN/心臓血管外科：EN/皮膚科：EN</t>
    <phoneticPr fontId="9"/>
  </si>
  <si>
    <t>歯科</t>
    <rPh sb="0" eb="2">
      <t>シカ</t>
    </rPh>
    <phoneticPr fontId="9"/>
  </si>
  <si>
    <t>内科</t>
    <rPh sb="0" eb="2">
      <t>ナイカ</t>
    </rPh>
    <phoneticPr fontId="9"/>
  </si>
  <si>
    <t>小児科/内科/皮膚科</t>
    <rPh sb="0" eb="3">
      <t>ショウニカ</t>
    </rPh>
    <rPh sb="4" eb="6">
      <t>ナイカ</t>
    </rPh>
    <rPh sb="7" eb="10">
      <t>ヒフカ</t>
    </rPh>
    <phoneticPr fontId="9"/>
  </si>
  <si>
    <t>眼科</t>
    <rPh sb="0" eb="2">
      <t>ガンカ</t>
    </rPh>
    <phoneticPr fontId="9"/>
  </si>
  <si>
    <t>内科/外科</t>
    <rPh sb="0" eb="2">
      <t>ナイカ</t>
    </rPh>
    <rPh sb="3" eb="5">
      <t>ゲカ</t>
    </rPh>
    <phoneticPr fontId="9"/>
  </si>
  <si>
    <t>歯科</t>
    <rPh sb="0" eb="2">
      <t>シカモ</t>
    </rPh>
    <phoneticPr fontId="9"/>
  </si>
  <si>
    <t>内科/外科/小児科/精神科/皮膚科</t>
    <rPh sb="10" eb="12">
      <t>セイシン</t>
    </rPh>
    <phoneticPr fontId="9"/>
  </si>
  <si>
    <t>内科/小児科/皮膚科/整形外科</t>
    <phoneticPr fontId="9"/>
  </si>
  <si>
    <t xml:space="preserve">救急科/内科/外科/小児科/精神科/皮膚科/脳神経外科/泌尿器科/整形外科/眼科/耳鼻咽喉科/産科/婦人科/歯科/その他
</t>
    <phoneticPr fontId="9"/>
  </si>
  <si>
    <t>眼科</t>
    <phoneticPr fontId="9"/>
  </si>
  <si>
    <t>小児科、小児循環器科、児童精神科（金曜午後、土曜のみ外来）</t>
    <rPh sb="0" eb="3">
      <t>ショウニカ</t>
    </rPh>
    <rPh sb="4" eb="6">
      <t>ショウニ</t>
    </rPh>
    <rPh sb="6" eb="9">
      <t>ジュンカンキ</t>
    </rPh>
    <rPh sb="9" eb="10">
      <t>カ</t>
    </rPh>
    <rPh sb="11" eb="13">
      <t>ジドウ</t>
    </rPh>
    <rPh sb="13" eb="16">
      <t>セイシンカ</t>
    </rPh>
    <rPh sb="17" eb="19">
      <t>キンヨウ</t>
    </rPh>
    <rPh sb="19" eb="21">
      <t>ゴゴ</t>
    </rPh>
    <rPh sb="22" eb="24">
      <t>ドヨウ</t>
    </rPh>
    <rPh sb="26" eb="28">
      <t>ガイライ</t>
    </rPh>
    <phoneticPr fontId="9"/>
  </si>
  <si>
    <t>内科/小児科/その他</t>
    <rPh sb="0" eb="2">
      <t>ナイカ</t>
    </rPh>
    <rPh sb="3" eb="6">
      <t>ショウニカ</t>
    </rPh>
    <rPh sb="9" eb="10">
      <t>ホカ</t>
    </rPh>
    <phoneticPr fontId="9"/>
  </si>
  <si>
    <t>内科（全科）/外科/神経精神科/小児科/小児外科/心臓血管外科/脳神経外科/整形外科/形成外科/皮膚科/泌尿器科/産婦人科/整形外科/眼科/耳鼻咽喉科</t>
    <rPh sb="7" eb="9">
      <t>ゲカ</t>
    </rPh>
    <phoneticPr fontId="9"/>
  </si>
  <si>
    <t>内科/外科/麻酔科</t>
    <rPh sb="0" eb="2">
      <t>ナイカ</t>
    </rPh>
    <rPh sb="3" eb="5">
      <t>ゲカ</t>
    </rPh>
    <rPh sb="6" eb="9">
      <t>マスイカ</t>
    </rPh>
    <phoneticPr fontId="1"/>
  </si>
  <si>
    <t xml:space="preserve">漢方内科/漢方婦人科/漢方皮膚科/整形外科/漢方心療内科　　　　　　　　　　　　　　　　　　　　　　　　　　　　　　　　　
</t>
    <rPh sb="0" eb="2">
      <t>カンポウ</t>
    </rPh>
    <rPh sb="2" eb="4">
      <t>ナイカ</t>
    </rPh>
    <rPh sb="5" eb="7">
      <t>カンポウ</t>
    </rPh>
    <rPh sb="7" eb="10">
      <t>フジンカ</t>
    </rPh>
    <rPh sb="11" eb="13">
      <t>カンポウ</t>
    </rPh>
    <rPh sb="13" eb="16">
      <t>ヒフカ</t>
    </rPh>
    <rPh sb="17" eb="19">
      <t>セイケイ</t>
    </rPh>
    <rPh sb="19" eb="21">
      <t>ゲカ</t>
    </rPh>
    <rPh sb="22" eb="24">
      <t>カンポウ</t>
    </rPh>
    <rPh sb="24" eb="26">
      <t>シンリョウ</t>
    </rPh>
    <rPh sb="26" eb="28">
      <t>ナイカ</t>
    </rPh>
    <phoneticPr fontId="9"/>
  </si>
  <si>
    <t>泌尿器科/皮膚科</t>
    <phoneticPr fontId="9"/>
  </si>
  <si>
    <t>救急科/内科/外科/小児科/皮膚科/脳神経外科/泌尿器科/整形外科/眼科/耳鼻咽喉科/産科/婦人科/その他/</t>
    <rPh sb="43" eb="44">
      <t>サン</t>
    </rPh>
    <rPh sb="46" eb="48">
      <t>フジン</t>
    </rPh>
    <phoneticPr fontId="9"/>
  </si>
  <si>
    <t xml:space="preserve">救急科/内科/外科/脳神経外科/放射線科/整形外科/耳鼻咽喉科/眼科/歯科口腔外科/精神科/小児科/皮膚科/産婦人科/泌尿器科/小児科/リハビリテーション科/形成外科
</t>
    <rPh sb="0" eb="2">
      <t>キュウキュウ</t>
    </rPh>
    <rPh sb="2" eb="3">
      <t>カ</t>
    </rPh>
    <rPh sb="4" eb="6">
      <t>ナイカ</t>
    </rPh>
    <rPh sb="7" eb="9">
      <t>ゲカ</t>
    </rPh>
    <rPh sb="10" eb="13">
      <t>ノウシンケイ</t>
    </rPh>
    <rPh sb="13" eb="15">
      <t>ゲカ</t>
    </rPh>
    <rPh sb="21" eb="23">
      <t>セイケイ</t>
    </rPh>
    <rPh sb="23" eb="25">
      <t>ゲカ</t>
    </rPh>
    <rPh sb="26" eb="28">
      <t>ジビ</t>
    </rPh>
    <rPh sb="28" eb="30">
      <t>インコウ</t>
    </rPh>
    <rPh sb="30" eb="31">
      <t>カ</t>
    </rPh>
    <rPh sb="32" eb="34">
      <t>ガンカ</t>
    </rPh>
    <rPh sb="35" eb="37">
      <t>シカ</t>
    </rPh>
    <rPh sb="37" eb="39">
      <t>コウクウ</t>
    </rPh>
    <rPh sb="39" eb="41">
      <t>ゲカ</t>
    </rPh>
    <rPh sb="42" eb="45">
      <t>セイシンカ</t>
    </rPh>
    <rPh sb="46" eb="49">
      <t>ショウニカ</t>
    </rPh>
    <rPh sb="50" eb="53">
      <t>ヒフカ</t>
    </rPh>
    <rPh sb="54" eb="58">
      <t>サンフジンカ</t>
    </rPh>
    <rPh sb="59" eb="63">
      <t>ヒニョウキカ</t>
    </rPh>
    <rPh sb="64" eb="67">
      <t>ショウニカ</t>
    </rPh>
    <rPh sb="77" eb="78">
      <t>カ</t>
    </rPh>
    <rPh sb="79" eb="81">
      <t>ケイセイ</t>
    </rPh>
    <rPh sb="81" eb="83">
      <t>ゲカ</t>
    </rPh>
    <phoneticPr fontId="9"/>
  </si>
  <si>
    <t>内科 /小児科/皮膚科/アレルギー科</t>
    <phoneticPr fontId="9"/>
  </si>
  <si>
    <t>内科/泌尿器科/皮膚科/眼科</t>
    <rPh sb="0" eb="2">
      <t>ナイカ</t>
    </rPh>
    <rPh sb="3" eb="7">
      <t>ヒニョウキカ</t>
    </rPh>
    <rPh sb="8" eb="11">
      <t>ヒフカ</t>
    </rPh>
    <rPh sb="12" eb="14">
      <t>ガンカ</t>
    </rPh>
    <phoneticPr fontId="9"/>
  </si>
  <si>
    <t>内科/精神科/神経内科/呼吸器科/消化器科/循環器科/小児科/外科/整形外科/形成外科/脳神経外科/呼吸器外科/心臓血管外科/皮膚科/泌尿器科/産婦人科/眼科/耳鼻科/麻酔科/リハビリテーション科/救急科</t>
    <rPh sb="0" eb="2">
      <t>ナイカ</t>
    </rPh>
    <rPh sb="3" eb="6">
      <t>セイシンカ</t>
    </rPh>
    <rPh sb="7" eb="9">
      <t>シンケイ</t>
    </rPh>
    <rPh sb="9" eb="11">
      <t>ナイカ</t>
    </rPh>
    <rPh sb="12" eb="16">
      <t>コキュウキカ</t>
    </rPh>
    <rPh sb="17" eb="20">
      <t>ショウカキ</t>
    </rPh>
    <rPh sb="20" eb="21">
      <t>カ</t>
    </rPh>
    <rPh sb="22" eb="26">
      <t>ジュンカンキカ</t>
    </rPh>
    <rPh sb="27" eb="29">
      <t>ショウニ</t>
    </rPh>
    <rPh sb="29" eb="30">
      <t>カ</t>
    </rPh>
    <rPh sb="31" eb="33">
      <t>ゲカ</t>
    </rPh>
    <rPh sb="34" eb="36">
      <t>セイケイ</t>
    </rPh>
    <rPh sb="36" eb="38">
      <t>ゲカ</t>
    </rPh>
    <rPh sb="39" eb="41">
      <t>ケイセイ</t>
    </rPh>
    <rPh sb="41" eb="43">
      <t>ゲカ</t>
    </rPh>
    <rPh sb="44" eb="47">
      <t>ノウシンケイ</t>
    </rPh>
    <rPh sb="47" eb="49">
      <t>ゲカ</t>
    </rPh>
    <rPh sb="50" eb="53">
      <t>コキュウキ</t>
    </rPh>
    <rPh sb="53" eb="55">
      <t>ゲカ</t>
    </rPh>
    <rPh sb="56" eb="58">
      <t>シンゾウ</t>
    </rPh>
    <rPh sb="58" eb="60">
      <t>ケッカン</t>
    </rPh>
    <rPh sb="60" eb="62">
      <t>ゲカ</t>
    </rPh>
    <rPh sb="63" eb="66">
      <t>ヒフカ</t>
    </rPh>
    <rPh sb="67" eb="71">
      <t>ヒニョウキカ</t>
    </rPh>
    <rPh sb="72" eb="76">
      <t>サンフジンカ</t>
    </rPh>
    <rPh sb="77" eb="79">
      <t>ガンカ</t>
    </rPh>
    <rPh sb="80" eb="83">
      <t>ジビカ</t>
    </rPh>
    <rPh sb="84" eb="86">
      <t>マスイ</t>
    </rPh>
    <rPh sb="86" eb="87">
      <t>カ</t>
    </rPh>
    <rPh sb="97" eb="98">
      <t>カ</t>
    </rPh>
    <rPh sb="99" eb="101">
      <t>キュウキュウ</t>
    </rPh>
    <rPh sb="101" eb="102">
      <t>カ</t>
    </rPh>
    <phoneticPr fontId="9"/>
  </si>
  <si>
    <t xml:space="preserve">全診療科（月曜～土曜の8:30- 17:00）
</t>
    <phoneticPr fontId="9"/>
  </si>
  <si>
    <t>一般歯科・小児歯科・口腔外科・ホワイトニング</t>
    <rPh sb="0" eb="2">
      <t>イッパン</t>
    </rPh>
    <rPh sb="2" eb="4">
      <t>シカ</t>
    </rPh>
    <rPh sb="5" eb="7">
      <t>ショウニ</t>
    </rPh>
    <rPh sb="7" eb="9">
      <t>シカ</t>
    </rPh>
    <rPh sb="10" eb="12">
      <t>コウクウ</t>
    </rPh>
    <rPh sb="12" eb="14">
      <t>ゲカ</t>
    </rPh>
    <phoneticPr fontId="4"/>
  </si>
  <si>
    <t>救急センター（ER）/総合内科/呼吸器内科/循環器内科/脳神経内科/消化器内科/肝胆膵・消化器内科/腎臓内科/内分泌・糖尿病内科/外科/脳神経外科/脳血管外科/心臓血管外科/整形外科/脊椎外科/形成外科：/小児外科/小児科/産婦人科/眼科/泌尿器科/放射線科/耳鼻咽喉科/皮膚科/麻酔科</t>
    <phoneticPr fontId="9"/>
  </si>
  <si>
    <t>全診療科</t>
    <phoneticPr fontId="9"/>
  </si>
  <si>
    <t>歯科</t>
    <rPh sb="0" eb="2">
      <t>シカ</t>
    </rPh>
    <phoneticPr fontId="4"/>
  </si>
  <si>
    <t>歯科</t>
    <phoneticPr fontId="4"/>
  </si>
  <si>
    <t>整形外科</t>
    <phoneticPr fontId="9"/>
  </si>
  <si>
    <t xml:space="preserve">外科、消化器科、小児科
</t>
    <rPh sb="0" eb="2">
      <t>ゲカ</t>
    </rPh>
    <rPh sb="3" eb="6">
      <t>ショウカキ</t>
    </rPh>
    <rPh sb="6" eb="7">
      <t>カ</t>
    </rPh>
    <rPh sb="8" eb="10">
      <t>ショウニ</t>
    </rPh>
    <rPh sb="10" eb="11">
      <t>カ</t>
    </rPh>
    <phoneticPr fontId="9"/>
  </si>
  <si>
    <t>救急科/内科/外科/脳神経外科</t>
    <rPh sb="0" eb="2">
      <t>キュウキュウ</t>
    </rPh>
    <rPh sb="2" eb="3">
      <t>カ</t>
    </rPh>
    <rPh sb="4" eb="6">
      <t>ナイカ</t>
    </rPh>
    <rPh sb="7" eb="9">
      <t>ゲカ</t>
    </rPh>
    <rPh sb="10" eb="13">
      <t>ノウシンケイ</t>
    </rPh>
    <rPh sb="13" eb="15">
      <t>ゲカ</t>
    </rPh>
    <phoneticPr fontId="9"/>
  </si>
  <si>
    <t>内科</t>
    <phoneticPr fontId="9"/>
  </si>
  <si>
    <t>循環器内科/呼吸器内科/内科/外科</t>
    <rPh sb="0" eb="5">
      <t>ジュンカンキナイカ</t>
    </rPh>
    <rPh sb="6" eb="11">
      <t>コキュウキナイカ</t>
    </rPh>
    <rPh sb="12" eb="14">
      <t>ナイカ</t>
    </rPh>
    <rPh sb="15" eb="17">
      <t>ゲカ</t>
    </rPh>
    <phoneticPr fontId="9"/>
  </si>
  <si>
    <t>一般歯科、矯正歯科、口腔外科、訪問診療、インプラント、審美歯科</t>
    <rPh sb="0" eb="2">
      <t>イッパン</t>
    </rPh>
    <rPh sb="2" eb="4">
      <t>シカ</t>
    </rPh>
    <rPh sb="5" eb="7">
      <t>キョウセイ</t>
    </rPh>
    <rPh sb="7" eb="9">
      <t>シカ</t>
    </rPh>
    <rPh sb="10" eb="14">
      <t>コウクウゲカ</t>
    </rPh>
    <rPh sb="15" eb="19">
      <t>ホウモンシンリョウ</t>
    </rPh>
    <rPh sb="27" eb="29">
      <t>シンビ</t>
    </rPh>
    <rPh sb="29" eb="31">
      <t>シカ</t>
    </rPh>
    <phoneticPr fontId="1"/>
  </si>
  <si>
    <t>EN/KO</t>
    <phoneticPr fontId="9"/>
  </si>
  <si>
    <t>ポケトーク、医療通訳派遣が主なため状況によって対応</t>
    <rPh sb="6" eb="8">
      <t>イリョウ</t>
    </rPh>
    <rPh sb="8" eb="12">
      <t>ツウヤクハケン</t>
    </rPh>
    <rPh sb="13" eb="14">
      <t>オモ</t>
    </rPh>
    <phoneticPr fontId="9"/>
  </si>
  <si>
    <t>EN</t>
    <phoneticPr fontId="9"/>
  </si>
  <si>
    <t>EN/ZH</t>
    <phoneticPr fontId="9"/>
  </si>
  <si>
    <t>ZH/KO/HI/MS/VI/TL/TH/AR/EN/FR/DE/IT/ES/PT/RU/NE/ID/KM/MN</t>
    <phoneticPr fontId="9"/>
  </si>
  <si>
    <t>EN/ZH/KO/PT/ES/TH/VI/ID/TL/NE/MS/FR/IT/DE/RU/LO/カンボジア語</t>
    <rPh sb="53" eb="54">
      <t>ゴ</t>
    </rPh>
    <phoneticPr fontId="9"/>
  </si>
  <si>
    <t>内科、外科</t>
    <rPh sb="0" eb="2">
      <t>ナイカ</t>
    </rPh>
    <rPh sb="3" eb="5">
      <t>ゲカ</t>
    </rPh>
    <phoneticPr fontId="9"/>
  </si>
  <si>
    <t>内科/神経内科/外科/整形外科/泌尿器科/形成外科/脳神経外科/その他</t>
    <rPh sb="0" eb="2">
      <t>ナイカ</t>
    </rPh>
    <rPh sb="3" eb="5">
      <t>シンケイ</t>
    </rPh>
    <rPh sb="5" eb="7">
      <t>ナイカ</t>
    </rPh>
    <rPh sb="8" eb="10">
      <t>ゲカ</t>
    </rPh>
    <rPh sb="11" eb="13">
      <t>セイケイ</t>
    </rPh>
    <rPh sb="13" eb="15">
      <t>ゲカ</t>
    </rPh>
    <rPh sb="16" eb="20">
      <t>ヒニョウキカ</t>
    </rPh>
    <rPh sb="21" eb="23">
      <t>ケイセイ</t>
    </rPh>
    <rPh sb="23" eb="25">
      <t>ゲカ</t>
    </rPh>
    <rPh sb="26" eb="29">
      <t>ノウシンケイ</t>
    </rPh>
    <rPh sb="29" eb="31">
      <t>ゲカ</t>
    </rPh>
    <rPh sb="34" eb="35">
      <t>タ</t>
    </rPh>
    <phoneticPr fontId="9"/>
  </si>
  <si>
    <t>EN/DE</t>
    <phoneticPr fontId="9"/>
  </si>
  <si>
    <t xml:space="preserve">EN/ZH/KO/ID（ほか通訳アプリを使って約６０カ国語対応）
</t>
    <rPh sb="14" eb="16">
      <t>ツウヤク</t>
    </rPh>
    <rPh sb="20" eb="21">
      <t>ツカ</t>
    </rPh>
    <rPh sb="23" eb="24">
      <t>ヤク</t>
    </rPh>
    <rPh sb="27" eb="28">
      <t>コク</t>
    </rPh>
    <rPh sb="28" eb="29">
      <t>ゴ</t>
    </rPh>
    <rPh sb="29" eb="31">
      <t>タイオウ</t>
    </rPh>
    <phoneticPr fontId="9"/>
  </si>
  <si>
    <t>ＥＮ</t>
    <phoneticPr fontId="9"/>
  </si>
  <si>
    <t>EN/TL</t>
    <phoneticPr fontId="9"/>
  </si>
  <si>
    <t xml:space="preserve">
EN/ZH/KO/PT/ES/RU/NE/HI/ID/TH/VI/FR/TL（ビデオ通訳）
ZH/KO/TL/PT/ES/EN/TH/VI/LO/RU/FR/NE/カンボジア語（派遣通訳）
</t>
    <rPh sb="43" eb="45">
      <t>ツウヤク</t>
    </rPh>
    <rPh sb="90" eb="94">
      <t>ハケンツウヤク</t>
    </rPh>
    <phoneticPr fontId="9"/>
  </si>
  <si>
    <t>内科/外科/整形外科</t>
    <rPh sb="0" eb="2">
      <t>ナイカ</t>
    </rPh>
    <rPh sb="3" eb="5">
      <t>ゲカ</t>
    </rPh>
    <rPh sb="6" eb="8">
      <t>セイケイ</t>
    </rPh>
    <rPh sb="8" eb="10">
      <t>ゲカ</t>
    </rPh>
    <phoneticPr fontId="9"/>
  </si>
  <si>
    <t>ZH/KO　　　　　　　　　　　</t>
    <phoneticPr fontId="9"/>
  </si>
  <si>
    <t>EN</t>
    <phoneticPr fontId="1"/>
  </si>
  <si>
    <t xml:space="preserve">EN
</t>
    <phoneticPr fontId="9"/>
  </si>
  <si>
    <t xml:space="preserve">ZH
</t>
    <phoneticPr fontId="9"/>
  </si>
  <si>
    <t xml:space="preserve">EN/ZH/FR
</t>
    <phoneticPr fontId="9"/>
  </si>
  <si>
    <t xml:space="preserve">歯科/内科
</t>
    <rPh sb="0" eb="2">
      <t>シカ</t>
    </rPh>
    <rPh sb="3" eb="5">
      <t>ナイカ</t>
    </rPh>
    <phoneticPr fontId="9"/>
  </si>
  <si>
    <t>EN/ZH/ES/PT</t>
    <phoneticPr fontId="4"/>
  </si>
  <si>
    <t xml:space="preserve">EN/ES/ZH/KO/TL/PT/TH/VI/LO/RU/FR/NE/カンボジア語
</t>
    <phoneticPr fontId="9"/>
  </si>
  <si>
    <t xml:space="preserve">EN/ZH/PL/ES
（MICかながわ、外国語通訳補助員利用のため要予約）
</t>
    <phoneticPr fontId="9"/>
  </si>
  <si>
    <t>EN（スマホ翻訳）</t>
    <rPh sb="6" eb="8">
      <t>ホンヤク</t>
    </rPh>
    <phoneticPr fontId="4"/>
  </si>
  <si>
    <t>眼科</t>
    <rPh sb="0" eb="2">
      <t>ガンカ</t>
    </rPh>
    <phoneticPr fontId="4"/>
  </si>
  <si>
    <t>EN</t>
    <phoneticPr fontId="4"/>
  </si>
  <si>
    <t>EN/ZH（月・火・水・金）/ES（金）/TH（月・火）</t>
    <rPh sb="6" eb="7">
      <t>ゲツ</t>
    </rPh>
    <rPh sb="8" eb="9">
      <t>カ</t>
    </rPh>
    <rPh sb="10" eb="11">
      <t>スイ</t>
    </rPh>
    <rPh sb="12" eb="13">
      <t>キン</t>
    </rPh>
    <rPh sb="18" eb="19">
      <t>キン</t>
    </rPh>
    <rPh sb="24" eb="25">
      <t>ゲツ</t>
    </rPh>
    <rPh sb="26" eb="27">
      <t>カ</t>
    </rPh>
    <phoneticPr fontId="4"/>
  </si>
  <si>
    <t xml:space="preserve">EN/KO/TL/TH/VI/ES
</t>
    <phoneticPr fontId="9"/>
  </si>
  <si>
    <t>EN/ZH</t>
    <phoneticPr fontId="1"/>
  </si>
  <si>
    <t xml:space="preserve">≪ＭＩＣかながわ医療通訳≫
ZH/KO/TL/PT/ES/EN/TH/VI/LO/RU/FR/NE/カンボジア語
</t>
    <phoneticPr fontId="9"/>
  </si>
  <si>
    <t>血管外科（Vascular Surgery)</t>
    <phoneticPr fontId="4"/>
  </si>
  <si>
    <t>EN</t>
    <phoneticPr fontId="4"/>
  </si>
  <si>
    <t>内科/消化器科</t>
    <rPh sb="0" eb="2">
      <t>ナイカ</t>
    </rPh>
    <rPh sb="3" eb="7">
      <t>ショウカキカ</t>
    </rPh>
    <phoneticPr fontId="9"/>
  </si>
  <si>
    <t xml:space="preserve">精神科
</t>
    <rPh sb="0" eb="2">
      <t>セイシン</t>
    </rPh>
    <rPh sb="2" eb="3">
      <t>カ</t>
    </rPh>
    <phoneticPr fontId="9"/>
  </si>
  <si>
    <t xml:space="preserve">EN
</t>
    <phoneticPr fontId="9"/>
  </si>
  <si>
    <t>≪ＭＩＣかながわ医療通訳≫
ZH/KO/TL/PT/ES/EN/TH/VI/LO/RU/FR/NE/カンボジア語
≪電話医療通訳:メディフォン≫
EN/ZH/KO/VI/RU/PT/TH/ES</t>
    <phoneticPr fontId="9"/>
  </si>
  <si>
    <t>≪ＭＩＣかながわ医療通訳≫
ZH/KO/TL/PT/ES/EN/TH/VI/LO/RU/FR/NE/カンボジア語</t>
    <phoneticPr fontId="9"/>
  </si>
  <si>
    <t>≪電話医療通訳サービス(日本エマージェンシーアシスタント(株))≫
EN/ZH/KO/VI/NE/TL/ES/PT/ID/IT/FR/DE/RU/TH/MS/KM /MY/MO/SI/HI/BE
≪ＭＩＣかながわ医療通訳≫
ZH/KO/TL/PT/ES/EN/TH/VI/LO/RU/FR/NE/カンボジア語</t>
    <phoneticPr fontId="9"/>
  </si>
  <si>
    <t>≪ＭＩＣかながわ医療通訳≫
EN/ZH/KO/VI/NE/TL/ES/PT/ID/IT/FR/DE/RU/TH/MS/KM/LO/ミャンマー語/カンボジア語</t>
    <phoneticPr fontId="9"/>
  </si>
  <si>
    <t>EN （タブレットにて対応）
≪ＭＩＣかながわ医療通訳≫
ZH/KO/TL/PT/ES/EN/TH/VI/LO/RU/FR/NE/カンボジア語</t>
    <rPh sb="11" eb="13">
      <t>タイオウ</t>
    </rPh>
    <phoneticPr fontId="9"/>
  </si>
  <si>
    <t>ZH
≪横浜市電話通訳サービス≫
EN/ZH/KO/PT/ES/TH/VI/ID/TL/NE/MS/FR/IT/DE/RU</t>
    <rPh sb="4" eb="7">
      <t>ヨコハマシ</t>
    </rPh>
    <rPh sb="7" eb="9">
      <t>デンワ</t>
    </rPh>
    <rPh sb="9" eb="11">
      <t>ツウヤク</t>
    </rPh>
    <phoneticPr fontId="9"/>
  </si>
  <si>
    <t>R4.6</t>
    <phoneticPr fontId="4"/>
  </si>
  <si>
    <t>区分１</t>
    <rPh sb="0" eb="2">
      <t>クブン</t>
    </rPh>
    <phoneticPr fontId="4"/>
  </si>
  <si>
    <t>区分２</t>
    <rPh sb="0" eb="2">
      <t>クブン</t>
    </rPh>
    <phoneticPr fontId="4"/>
  </si>
  <si>
    <t>※区分１：入院を要する外国人救急患者に対応可能な医療機関</t>
    <rPh sb="1" eb="3">
      <t>クブン</t>
    </rPh>
    <rPh sb="5" eb="7">
      <t>ニュウイン</t>
    </rPh>
    <rPh sb="8" eb="9">
      <t>ヨウ</t>
    </rPh>
    <rPh sb="11" eb="13">
      <t>ガイコク</t>
    </rPh>
    <rPh sb="13" eb="14">
      <t>ジン</t>
    </rPh>
    <rPh sb="14" eb="16">
      <t>キュウキュウ</t>
    </rPh>
    <rPh sb="16" eb="18">
      <t>カンジャ</t>
    </rPh>
    <rPh sb="19" eb="21">
      <t>タイオウ</t>
    </rPh>
    <rPh sb="21" eb="23">
      <t>カノウ</t>
    </rPh>
    <rPh sb="24" eb="26">
      <t>イリョウ</t>
    </rPh>
    <rPh sb="26" eb="28">
      <t>キカン</t>
    </rPh>
    <phoneticPr fontId="8"/>
  </si>
  <si>
    <t>※区分２：診療所・歯科診療所を含む外国人患者を受入可能な医療機関</t>
    <rPh sb="1" eb="3">
      <t>クブン</t>
    </rPh>
    <rPh sb="5" eb="8">
      <t>シンリョウジョ</t>
    </rPh>
    <rPh sb="9" eb="11">
      <t>シカ</t>
    </rPh>
    <rPh sb="11" eb="13">
      <t>シンリョウ</t>
    </rPh>
    <rPh sb="13" eb="14">
      <t>ジョ</t>
    </rPh>
    <rPh sb="15" eb="16">
      <t>フク</t>
    </rPh>
    <rPh sb="17" eb="19">
      <t>ガイコク</t>
    </rPh>
    <rPh sb="19" eb="20">
      <t>ジン</t>
    </rPh>
    <rPh sb="20" eb="22">
      <t>カンジャ</t>
    </rPh>
    <rPh sb="23" eb="25">
      <t>ウケイレ</t>
    </rPh>
    <rPh sb="25" eb="27">
      <t>カノウ</t>
    </rPh>
    <rPh sb="28" eb="30">
      <t>イリョウ</t>
    </rPh>
    <rPh sb="30" eb="32">
      <t>キカン</t>
    </rPh>
    <phoneticPr fontId="8"/>
  </si>
  <si>
    <t>計</t>
    <rPh sb="0" eb="1">
      <t>ケイ</t>
    </rPh>
    <phoneticPr fontId="4"/>
  </si>
  <si>
    <t>県央</t>
    <rPh sb="0" eb="2">
      <t>ケンオウ</t>
    </rPh>
    <phoneticPr fontId="4"/>
  </si>
  <si>
    <t>区分</t>
    <rPh sb="0" eb="2">
      <t>クブン</t>
    </rPh>
    <phoneticPr fontId="7"/>
  </si>
  <si>
    <t>１:入院可
２:入院不可
　　↓</t>
    <rPh sb="2" eb="4">
      <t>ニュウイン</t>
    </rPh>
    <rPh sb="4" eb="5">
      <t>カ</t>
    </rPh>
    <rPh sb="8" eb="10">
      <t>ニュウイン</t>
    </rPh>
    <rPh sb="10" eb="12">
      <t>フカ</t>
    </rPh>
    <phoneticPr fontId="4"/>
  </si>
  <si>
    <t>通訳の予約要・不要</t>
    <rPh sb="0" eb="2">
      <t>ツウヤク</t>
    </rPh>
    <phoneticPr fontId="4"/>
  </si>
  <si>
    <t>（月-金）8:30-11:30
（初診は11:00まで)                                                  土曜日、日曜日、祝日は休診
（救急外来24時間対応)</t>
    <rPh sb="17" eb="19">
      <t>ショシン</t>
    </rPh>
    <rPh sb="78" eb="81">
      <t>ドヨウビ</t>
    </rPh>
    <rPh sb="82" eb="85">
      <t>ニチヨウビ</t>
    </rPh>
    <rPh sb="86" eb="88">
      <t>シュクジツ</t>
    </rPh>
    <rPh sb="89" eb="91">
      <t>キュウシン</t>
    </rPh>
    <phoneticPr fontId="9"/>
  </si>
  <si>
    <t>内科/外科/整形外科/脳神経外科/皮膚科/泌尿器科/眼科</t>
    <rPh sb="0" eb="2">
      <t>ナイカ</t>
    </rPh>
    <rPh sb="3" eb="5">
      <t>ゲカ</t>
    </rPh>
    <rPh sb="6" eb="8">
      <t>セイケイ</t>
    </rPh>
    <rPh sb="8" eb="10">
      <t>ゲカ</t>
    </rPh>
    <rPh sb="11" eb="14">
      <t>ノウシンケイ</t>
    </rPh>
    <rPh sb="14" eb="16">
      <t>ゲカ</t>
    </rPh>
    <rPh sb="17" eb="20">
      <t>ヒフカ</t>
    </rPh>
    <rPh sb="21" eb="24">
      <t>ヒニョウキ</t>
    </rPh>
    <rPh sb="24" eb="25">
      <t>カ</t>
    </rPh>
    <rPh sb="26" eb="28">
      <t>ガンカ</t>
    </rPh>
    <phoneticPr fontId="9"/>
  </si>
  <si>
    <t>EN/ZH/KO</t>
    <phoneticPr fontId="9"/>
  </si>
  <si>
    <t>（月-金）8:30-10:30
休日:休診</t>
    <rPh sb="1" eb="2">
      <t>ゲツ</t>
    </rPh>
    <rPh sb="3" eb="4">
      <t>キン</t>
    </rPh>
    <rPh sb="16" eb="18">
      <t>キュウジツ</t>
    </rPh>
    <rPh sb="19" eb="21">
      <t>キュウシン</t>
    </rPh>
    <phoneticPr fontId="9"/>
  </si>
  <si>
    <t>VISA, MASTER, JCB, AMEX, Diners Club, DC, UC, DSCOVER, 銀聯(Union Pay)</t>
    <phoneticPr fontId="8"/>
  </si>
  <si>
    <t>英語を話せる医師による外来、機械翻訳アプリ（Voice Tra）を使用</t>
    <rPh sb="14" eb="16">
      <t>キカイ</t>
    </rPh>
    <rPh sb="16" eb="18">
      <t>ホンヤク</t>
    </rPh>
    <rPh sb="33" eb="35">
      <t>シヨウ</t>
    </rPh>
    <phoneticPr fontId="8"/>
  </si>
  <si>
    <r>
      <t>045-261-5656</t>
    </r>
    <r>
      <rPr>
        <strike/>
        <sz val="12"/>
        <color rgb="FFFF0000"/>
        <rFont val="ＭＳ Ｐゴシック"/>
        <family val="3"/>
        <charset val="128"/>
      </rPr>
      <t/>
    </r>
    <phoneticPr fontId="8"/>
  </si>
  <si>
    <t>https://www.nanbu.saiseikai.or.jp/
（日本語）</t>
    <rPh sb="36" eb="39">
      <t>ニホンゴ</t>
    </rPh>
    <phoneticPr fontId="9"/>
  </si>
  <si>
    <t>（月-土）9:00-16:30
救急外来24時間対応
（日・祝日）
救急外来24時間対応</t>
    <rPh sb="3" eb="4">
      <t>ド</t>
    </rPh>
    <phoneticPr fontId="9"/>
  </si>
  <si>
    <t>（月-金）8:30-10:30
　救急外来24時間対応
（土日・祝日）
　救急外来24時間対応</t>
    <rPh sb="1" eb="2">
      <t>ガツ</t>
    </rPh>
    <rPh sb="3" eb="4">
      <t>キン</t>
    </rPh>
    <rPh sb="17" eb="19">
      <t>キュウキュウ</t>
    </rPh>
    <rPh sb="19" eb="21">
      <t>ガイライ</t>
    </rPh>
    <rPh sb="23" eb="25">
      <t>ジカン</t>
    </rPh>
    <rPh sb="25" eb="27">
      <t>タイオウ</t>
    </rPh>
    <rPh sb="29" eb="31">
      <t>ドニチ</t>
    </rPh>
    <rPh sb="32" eb="34">
      <t>シュクニチ</t>
    </rPh>
    <rPh sb="37" eb="41">
      <t>キュウキュウガイライ</t>
    </rPh>
    <rPh sb="43" eb="45">
      <t>ジカン</t>
    </rPh>
    <rPh sb="45" eb="47">
      <t>タイオウ</t>
    </rPh>
    <phoneticPr fontId="9"/>
  </si>
  <si>
    <t>（月-金）9:00‐12:45、15:00‐18:45
（土）9:00‐12:45
（日）10:00‐12:45
※担当医師が不在の場合もありますので、来院前にご連絡ください。</t>
    <rPh sb="1" eb="2">
      <t>ゲツ</t>
    </rPh>
    <rPh sb="3" eb="4">
      <t>キン</t>
    </rPh>
    <rPh sb="29" eb="30">
      <t>ド</t>
    </rPh>
    <rPh sb="43" eb="44">
      <t>ニチ</t>
    </rPh>
    <rPh sb="58" eb="60">
      <t>タントウ</t>
    </rPh>
    <rPh sb="60" eb="62">
      <t>イシ</t>
    </rPh>
    <rPh sb="63" eb="65">
      <t>フザイ</t>
    </rPh>
    <rPh sb="66" eb="68">
      <t>バアイ</t>
    </rPh>
    <rPh sb="76" eb="78">
      <t>ライイン</t>
    </rPh>
    <rPh sb="78" eb="79">
      <t>マエ</t>
    </rPh>
    <rPh sb="81" eb="83">
      <t>レンラク</t>
    </rPh>
    <phoneticPr fontId="9"/>
  </si>
  <si>
    <t>外国人を受入れる
拠点的な医療機関</t>
    <rPh sb="0" eb="2">
      <t>ガイコク</t>
    </rPh>
    <rPh sb="2" eb="3">
      <t>ジン</t>
    </rPh>
    <rPh sb="4" eb="6">
      <t>ウケイ</t>
    </rPh>
    <rPh sb="9" eb="12">
      <t>キョテンテキ</t>
    </rPh>
    <rPh sb="13" eb="15">
      <t>イリョウ</t>
    </rPh>
    <rPh sb="15" eb="17">
      <t>キカン</t>
    </rPh>
    <phoneticPr fontId="4"/>
  </si>
  <si>
    <t>横浜</t>
    <rPh sb="0" eb="2">
      <t>ヨコハマ</t>
    </rPh>
    <phoneticPr fontId="4"/>
  </si>
  <si>
    <t>UnMed Clinic Motomachi</t>
  </si>
  <si>
    <t>アンメッドクリニック元町</t>
    <phoneticPr fontId="4"/>
  </si>
  <si>
    <t>231-0861</t>
  </si>
  <si>
    <t>横浜市中区元町3-116 高倉ビル1F</t>
  </si>
  <si>
    <t>3-116, Motomachi, Naka-ku, yokohama, Kanagawa</t>
  </si>
  <si>
    <t>045-264-9468</t>
  </si>
  <si>
    <t>（毎日）9:00-12:30、（月・水・木） 15:00-18:30
※祝日は休診</t>
    <rPh sb="1" eb="3">
      <t>マイニチ</t>
    </rPh>
    <rPh sb="16" eb="17">
      <t>ゲツ</t>
    </rPh>
    <rPh sb="18" eb="19">
      <t>スイ</t>
    </rPh>
    <rPh sb="20" eb="21">
      <t>モク</t>
    </rPh>
    <phoneticPr fontId="4"/>
  </si>
  <si>
    <t>https://www.unmed-clinic.jp/  (日本語)　https://www.unmed-clinic.jp/english/ (英語)</t>
  </si>
  <si>
    <t>内科/消化器内科/健康診断/禁煙外来/産業医</t>
    <phoneticPr fontId="4"/>
  </si>
  <si>
    <t>EN</t>
    <phoneticPr fontId="4"/>
  </si>
  <si>
    <t>VISA, JCB, MASTER, AMEX, DINERS,</t>
  </si>
  <si>
    <t>Suica, PASMO, ICOCA, Kitaca, manaca, nimoca, SUGOCA, はやかけん,DISCOVER, iD, apple Pay, QuicPay</t>
  </si>
  <si>
    <t>医師</t>
    <rPh sb="0" eb="2">
      <t>イシ</t>
    </rPh>
    <phoneticPr fontId="4"/>
  </si>
  <si>
    <t>R4.9</t>
    <phoneticPr fontId="4"/>
  </si>
  <si>
    <t>212−0022</t>
  </si>
  <si>
    <t>神奈川県幸区神明町2丁目68番地7</t>
  </si>
  <si>
    <t>2−68−7 ,shinmei,saiwai,kawasaki,kanagawa</t>
  </si>
  <si>
    <t>044−511−6333</t>
  </si>
  <si>
    <t>（月・火・木・金）9:00-13:00、15:00-18:00
（水）9:00-13:00、14:00-17:00
（土）9:00-13:00</t>
    <rPh sb="1" eb="2">
      <t>ゲツ</t>
    </rPh>
    <rPh sb="3" eb="4">
      <t>カ</t>
    </rPh>
    <rPh sb="5" eb="6">
      <t>モク</t>
    </rPh>
    <rPh sb="7" eb="8">
      <t>キン</t>
    </rPh>
    <rPh sb="33" eb="34">
      <t>スイ</t>
    </rPh>
    <rPh sb="59" eb="60">
      <t>ド</t>
    </rPh>
    <phoneticPr fontId="1"/>
  </si>
  <si>
    <t>https://kawasaki-chuo.jp/（日本語）
https://kawasaki-chuo.jp/english（英語）</t>
    <rPh sb="26" eb="29">
      <t>ニホンゴ</t>
    </rPh>
    <rPh sb="64" eb="66">
      <t>エイゴ</t>
    </rPh>
    <phoneticPr fontId="1"/>
  </si>
  <si>
    <t>脳神経外科/内科/整形外科/消化器内科</t>
    <phoneticPr fontId="4"/>
  </si>
  <si>
    <t>EN/DE</t>
    <phoneticPr fontId="4"/>
  </si>
  <si>
    <t>VISA、MASTER</t>
    <phoneticPr fontId="4"/>
  </si>
  <si>
    <t>不要</t>
    <rPh sb="0" eb="2">
      <t>フヨウ</t>
    </rPh>
    <phoneticPr fontId="4"/>
  </si>
  <si>
    <t>えびな脳神経クリニック</t>
  </si>
  <si>
    <t>EBINA Neurology clinic</t>
  </si>
  <si>
    <t>243-0438</t>
  </si>
  <si>
    <t>神奈川県海老名市めぐみ町3-1 ViNA GARDENS PERCH 601-12</t>
    <rPh sb="0" eb="4">
      <t>カナガワケン</t>
    </rPh>
    <rPh sb="4" eb="8">
      <t>エビナシ</t>
    </rPh>
    <rPh sb="11" eb="12">
      <t>マチ</t>
    </rPh>
    <phoneticPr fontId="1"/>
  </si>
  <si>
    <t>ViNA GARDENS PERCH 601-12, 3-1, megumicho, ebina-shi, kanagawa</t>
  </si>
  <si>
    <t>（月～土）8:45-12:30　（月～金）13:45-20:30 　（土）13:45-17:30  
※日曜・祭日は休診</t>
    <phoneticPr fontId="4"/>
  </si>
  <si>
    <t>脳神経外科/脳神経内科（神経内科）/内科/リハビリテーション科</t>
    <phoneticPr fontId="4"/>
  </si>
  <si>
    <t>VISA、MASTER、AMEX、
JCB、</t>
  </si>
  <si>
    <t>Suica, PASMO,</t>
  </si>
  <si>
    <t>医師、受付スタッフ、臨床検査技師</t>
    <rPh sb="0" eb="2">
      <t>イシ</t>
    </rPh>
    <rPh sb="3" eb="5">
      <t>ウケツケ</t>
    </rPh>
    <rPh sb="10" eb="12">
      <t>リンショウ</t>
    </rPh>
    <rPh sb="12" eb="14">
      <t>ケンサ</t>
    </rPh>
    <rPh sb="14" eb="16">
      <t>ギシ</t>
    </rPh>
    <phoneticPr fontId="4"/>
  </si>
  <si>
    <t>診療時間内であれば対応可能であるが、場合により不可能の場合あり。</t>
  </si>
  <si>
    <t>救急科：EN/呼吸器内科：EN/IBD科：EN/産婦人科：EN/眼科：EN/耳鼻咽喉科：EN/感染症内科：EN/緩和ケア内科：EN/腎臓内科：EN/脳神経内科：EN、FR/循環器内科：EN/小児科：EN/消化器外科：EN/脳血管内治療科：EN/心臓血管外科：EN/皮膚科：EN
≪ＭＩＣかながわ医療通訳≫
ZH/KO/TL/PT/ES/EN/TH/VI/LO/RU/FR/NE/カンボジア語
≪横浜市電話医療通訳サービス≫
EN/ZH/KO/PT/ES/TH/VI/TL/NE/
≪タブレットを使用したテレビ電話通訳サービス≫
EN/ZH/KO/PT/ES：24時間対応可能
TH：９～21時、VI：９～20時、FR/TL：平日９～19時、RU/N/HI/ID：平日９～18時</t>
    <phoneticPr fontId="9"/>
  </si>
  <si>
    <t>（月・水・木・金）　9：00-12：00（※外来不可）、13：00-17：30
（土）9：00-12：00</t>
    <phoneticPr fontId="4"/>
  </si>
  <si>
    <t>（月-金）8:15-11:30、13:15-16:00、16:30-18:30
　　　　　救急外来24時間対応
（土）8:15-11:30（午前のみ）</t>
    <rPh sb="1" eb="2">
      <t>ゲツ</t>
    </rPh>
    <rPh sb="3" eb="4">
      <t>キン</t>
    </rPh>
    <rPh sb="45" eb="47">
      <t>キュウキュウ</t>
    </rPh>
    <rPh sb="47" eb="49">
      <t>ガイライ</t>
    </rPh>
    <rPh sb="51" eb="53">
      <t>ジカン</t>
    </rPh>
    <rPh sb="53" eb="55">
      <t>タイオウ</t>
    </rPh>
    <rPh sb="70" eb="72">
      <t>ゴゼン</t>
    </rPh>
    <phoneticPr fontId="9"/>
  </si>
  <si>
    <t>（月・火・水・木）
8:30-12:00、14:30-18:00
（金）8:30－12:00</t>
    <rPh sb="5" eb="6">
      <t>スイ</t>
    </rPh>
    <rPh sb="34" eb="35">
      <t>キン</t>
    </rPh>
    <phoneticPr fontId="9"/>
  </si>
  <si>
    <t>≪ＭＩＣかながわ医療通訳≫
ZH/KO/TL/PT/ES/EN/TH/VI/LO/RU/FR/NE/カンボジア語
≪その他電話・ビデオ通訳≫
多数（要問合せ）</t>
    <rPh sb="60" eb="61">
      <t>タ</t>
    </rPh>
    <rPh sb="61" eb="63">
      <t>デンワ</t>
    </rPh>
    <rPh sb="67" eb="69">
      <t>ツウヤク</t>
    </rPh>
    <rPh sb="71" eb="73">
      <t>タスウ</t>
    </rPh>
    <rPh sb="74" eb="75">
      <t>ヨウ</t>
    </rPh>
    <rPh sb="75" eb="77">
      <t>トイアワ</t>
    </rPh>
    <phoneticPr fontId="9"/>
  </si>
  <si>
    <t>https://www.shinzen.jp/（日本語）
https://www.shinzen.jp/?lang=en(英語）</t>
    <rPh sb="24" eb="27">
      <t>ニホンゴ</t>
    </rPh>
    <rPh sb="61" eb="63">
      <t>エイゴ</t>
    </rPh>
    <phoneticPr fontId="9"/>
  </si>
  <si>
    <t>（月-金）8:30-11:00
（土）8:30-11:00
（土曜午後）救急外来24時間対応
（日、祝日）救急外来24時間対応</t>
    <rPh sb="1" eb="2">
      <t>ゲツ</t>
    </rPh>
    <rPh sb="3" eb="4">
      <t>キン</t>
    </rPh>
    <rPh sb="17" eb="18">
      <t>ツチ</t>
    </rPh>
    <rPh sb="31" eb="33">
      <t>ドヨウ</t>
    </rPh>
    <rPh sb="33" eb="35">
      <t>ゴゴ</t>
    </rPh>
    <rPh sb="36" eb="40">
      <t>キュウキュウガイライ</t>
    </rPh>
    <rPh sb="42" eb="44">
      <t>ジカン</t>
    </rPh>
    <rPh sb="44" eb="46">
      <t>タイオウ</t>
    </rPh>
    <rPh sb="48" eb="49">
      <t>ニチ</t>
    </rPh>
    <rPh sb="50" eb="52">
      <t>シュクジツ</t>
    </rPh>
    <rPh sb="53" eb="57">
      <t>キュウキュウガイライ</t>
    </rPh>
    <rPh sb="59" eb="61">
      <t>ジカン</t>
    </rPh>
    <rPh sb="61" eb="63">
      <t>タイオウ</t>
    </rPh>
    <phoneticPr fontId="9"/>
  </si>
  <si>
    <t>（月-金）7:50-11:30
（救急患者要相談）
（土日・祝日）救急外来24時間対応</t>
    <rPh sb="1" eb="2">
      <t>ゲツ</t>
    </rPh>
    <rPh sb="3" eb="4">
      <t>キン</t>
    </rPh>
    <rPh sb="17" eb="19">
      <t>キュウキュウ</t>
    </rPh>
    <rPh sb="19" eb="21">
      <t>カンジャ</t>
    </rPh>
    <rPh sb="21" eb="22">
      <t>ヨウ</t>
    </rPh>
    <rPh sb="22" eb="24">
      <t>ソウダン</t>
    </rPh>
    <rPh sb="27" eb="29">
      <t>ドニチ</t>
    </rPh>
    <rPh sb="30" eb="32">
      <t>シュクジツ</t>
    </rPh>
    <rPh sb="33" eb="35">
      <t>キュウキュウ</t>
    </rPh>
    <rPh sb="35" eb="37">
      <t>ガイライ</t>
    </rPh>
    <rPh sb="39" eb="41">
      <t>ジカン</t>
    </rPh>
    <rPh sb="41" eb="43">
      <t>タイオウ</t>
    </rPh>
    <phoneticPr fontId="9"/>
  </si>
  <si>
    <t>（月-金）8:30-11:00
救急外来24時間対応
（土日・祝日）救急外来24時間対応</t>
    <rPh sb="1" eb="2">
      <t>ツキ</t>
    </rPh>
    <rPh sb="3" eb="4">
      <t>キン</t>
    </rPh>
    <rPh sb="16" eb="18">
      <t>キュウキュウ</t>
    </rPh>
    <rPh sb="18" eb="20">
      <t>ガイライ</t>
    </rPh>
    <rPh sb="22" eb="24">
      <t>ジカン</t>
    </rPh>
    <rPh sb="24" eb="26">
      <t>タイオウ</t>
    </rPh>
    <rPh sb="28" eb="30">
      <t>ドニチ</t>
    </rPh>
    <rPh sb="31" eb="33">
      <t>シュクジツ</t>
    </rPh>
    <rPh sb="34" eb="36">
      <t>キュウキュウ</t>
    </rPh>
    <rPh sb="36" eb="38">
      <t>ガイライ</t>
    </rPh>
    <rPh sb="40" eb="42">
      <t>ジカン</t>
    </rPh>
    <rPh sb="42" eb="44">
      <t>タイオウ</t>
    </rPh>
    <phoneticPr fontId="9"/>
  </si>
  <si>
    <t>（月）9:00‐12:00、（木）14:00‐18:30
※担当医師が不在の場合もありますので、来院前にご連絡ください。
（土）9:00‐12:00、14:00‐16:30
（日）10:00‐12:30
※対応可能な場合あり</t>
    <rPh sb="1" eb="2">
      <t>ゲツ</t>
    </rPh>
    <rPh sb="15" eb="16">
      <t>モク</t>
    </rPh>
    <rPh sb="30" eb="32">
      <t>タントウ</t>
    </rPh>
    <rPh sb="32" eb="34">
      <t>イシ</t>
    </rPh>
    <rPh sb="35" eb="37">
      <t>フザイ</t>
    </rPh>
    <rPh sb="38" eb="40">
      <t>バアイ</t>
    </rPh>
    <rPh sb="48" eb="50">
      <t>ライイン</t>
    </rPh>
    <rPh sb="50" eb="51">
      <t>マエ</t>
    </rPh>
    <rPh sb="53" eb="55">
      <t>レンラク</t>
    </rPh>
    <rPh sb="62" eb="63">
      <t>ツチ</t>
    </rPh>
    <rPh sb="88" eb="89">
      <t>ニチ</t>
    </rPh>
    <rPh sb="103" eb="105">
      <t>タイオウ</t>
    </rPh>
    <rPh sb="105" eb="107">
      <t>カノウ</t>
    </rPh>
    <rPh sb="108" eb="110">
      <t>バアイ</t>
    </rPh>
    <phoneticPr fontId="9"/>
  </si>
  <si>
    <t>https://www.shonankamakura.or.jp/
https://www.shonankamakura.or.jp/english/
https://www.shonankamakura.or.jp/chinese/</t>
    <phoneticPr fontId="4"/>
  </si>
  <si>
    <t>月-土は、診療科によって異なります。
（救急外来24時間対応)
（日・祝日）救急外来24時間対応</t>
    <phoneticPr fontId="9"/>
  </si>
  <si>
    <t xml:space="preserve">（月-金）8:30-17:00（土）8:30-12:30（救急外来24時間対応）（第3土・祝日）救急外来24時間対応
（土）8:30-12:30（救急外来24時間対応）
（第3土・祝日）救急外来24時間対応
</t>
    <phoneticPr fontId="9"/>
  </si>
  <si>
    <t>https://www.sagamiharahp.com/</t>
    <phoneticPr fontId="4"/>
  </si>
  <si>
    <t>救急科/内科/外科/小児外科/小児科/精神科/皮膚科/腎泌尿器外科/脳神経外科/整形外科/形成外科/眼科/耳鼻咽喉科/産婦人科/放射線科/麻酔科/リハビリテーション科</t>
    <phoneticPr fontId="4"/>
  </si>
  <si>
    <t>https://fujisawacity-hosp.jp/（日本語）</t>
    <rPh sb="30" eb="33">
      <t>ニホンゴ</t>
    </rPh>
    <phoneticPr fontId="20"/>
  </si>
  <si>
    <t>VISA,MASTER,Amex,Diners,JCB</t>
  </si>
  <si>
    <t>PayPay,交通系LinePay,Edy nanaco,waon</t>
    <rPh sb="7" eb="9">
      <t>コウツウ</t>
    </rPh>
    <rPh sb="9" eb="10">
      <t>ケイ</t>
    </rPh>
    <phoneticPr fontId="6"/>
  </si>
  <si>
    <t>デビットカード、（銀聯(Union Pay)のみ平日時間内のみ対応可）</t>
  </si>
  <si>
    <t>【対応言語】EN
【対応時間】9:00-12:00,15:00-20:00</t>
    <phoneticPr fontId="4"/>
  </si>
  <si>
    <t>R5.6</t>
    <phoneticPr fontId="4"/>
  </si>
  <si>
    <t>医療法人徳洲会　湘南大磯病院</t>
    <rPh sb="0" eb="4">
      <t>イリョウホウジン</t>
    </rPh>
    <rPh sb="4" eb="7">
      <t>トクシュウカイ</t>
    </rPh>
    <rPh sb="8" eb="14">
      <t>ショウナンオオイソビョウイン</t>
    </rPh>
    <phoneticPr fontId="1"/>
  </si>
  <si>
    <t>shonanoiso Hospital</t>
  </si>
  <si>
    <t>259-0114</t>
  </si>
  <si>
    <t>神奈川県中郡大磯町月京21-1</t>
    <rPh sb="0" eb="4">
      <t>カナガワケン</t>
    </rPh>
    <rPh sb="4" eb="6">
      <t>ナカグン</t>
    </rPh>
    <rPh sb="6" eb="9">
      <t>オオイソマチ</t>
    </rPh>
    <rPh sb="9" eb="10">
      <t>ツキ</t>
    </rPh>
    <rPh sb="10" eb="11">
      <t>キョウ</t>
    </rPh>
    <phoneticPr fontId="1"/>
  </si>
  <si>
    <t>21-1､galtukyou,oisotown,nakagun,kanagawa</t>
  </si>
  <si>
    <t>0463-72-3211</t>
  </si>
  <si>
    <t>https://oisoth.jp/</t>
  </si>
  <si>
    <t>（月～土）8：30～11:30、13：30～16：00</t>
    <rPh sb="1" eb="2">
      <t>ゲツ</t>
    </rPh>
    <rPh sb="3" eb="4">
      <t>ド</t>
    </rPh>
    <phoneticPr fontId="1"/>
  </si>
  <si>
    <t>（電話通訳）
英語・中国語・韓国語・ベトナム語・タイ語・スペイン語・ポルトガル語・ロシア語・フランス語・ヒンディー語・モンゴル語・インドネシア語・ネパール語・ペルシア語・ミャンマー語・タガログ語・広東語
【対応時間】８：３０～２４：００（３６５日）
（通訳タブレット）
英語・中国語・韓国語・ベトナム語・タイ語・スペイン語・ポルトガル語・ロシア語・フランス語・ヒンディー語・モンゴル語・インドネシア語・ネパール語・ペルシア語・ミャンマー語・タガログ語・広東語
【対応時間】２４時間（３６５日）</t>
    <rPh sb="1" eb="3">
      <t>デンワ</t>
    </rPh>
    <rPh sb="3" eb="5">
      <t>ツウヤク</t>
    </rPh>
    <rPh sb="126" eb="128">
      <t>ツウヤク</t>
    </rPh>
    <phoneticPr fontId="4"/>
  </si>
  <si>
    <t>病院</t>
    <phoneticPr fontId="4"/>
  </si>
  <si>
    <t>〇</t>
    <phoneticPr fontId="4"/>
  </si>
  <si>
    <t>【対応言語】
英語・中国語・韓国語・ベトナム語・タイ語・スペイン語・ポルトガル語・ロシア語・フランス語・ヒンディー語・モンゴル語・インドネシア語・ネパール語・ペルシア語・ミャンマー語・タガログ語・広東語
【対応時間】８：３０～２４：００（３６５日）</t>
    <rPh sb="1" eb="3">
      <t>タイオウ</t>
    </rPh>
    <rPh sb="3" eb="5">
      <t>ゲンゴ</t>
    </rPh>
    <rPh sb="7" eb="9">
      <t>エイゴ</t>
    </rPh>
    <rPh sb="10" eb="13">
      <t>チュウゴクゴ</t>
    </rPh>
    <rPh sb="14" eb="17">
      <t>カンコクゴ</t>
    </rPh>
    <rPh sb="22" eb="23">
      <t>ゴ</t>
    </rPh>
    <rPh sb="26" eb="27">
      <t>ゴ</t>
    </rPh>
    <rPh sb="32" eb="33">
      <t>ゴ</t>
    </rPh>
    <rPh sb="39" eb="40">
      <t>ゴ</t>
    </rPh>
    <rPh sb="44" eb="45">
      <t>ゴ</t>
    </rPh>
    <rPh sb="57" eb="58">
      <t>ゴ</t>
    </rPh>
    <rPh sb="63" eb="64">
      <t>ゴ</t>
    </rPh>
    <rPh sb="71" eb="72">
      <t>ゴ</t>
    </rPh>
    <rPh sb="77" eb="78">
      <t>ゴ</t>
    </rPh>
    <rPh sb="83" eb="84">
      <t>ゴ</t>
    </rPh>
    <rPh sb="90" eb="91">
      <t>ゴ</t>
    </rPh>
    <rPh sb="96" eb="97">
      <t>ゴ</t>
    </rPh>
    <rPh sb="98" eb="101">
      <t>カントンゴ</t>
    </rPh>
    <rPh sb="103" eb="105">
      <t>タイオウ</t>
    </rPh>
    <rPh sb="105" eb="107">
      <t>ジカン</t>
    </rPh>
    <rPh sb="122" eb="123">
      <t>ニチ</t>
    </rPh>
    <phoneticPr fontId="1"/>
  </si>
  <si>
    <t>【対応言語】
英語・中国語・韓国語・ベトナム語・タイ語・スペイン語・ポルトガル語・ロシア語・フランス語・ヒンディー語・モンゴル語・インドネシア語・ネパール語・ペルシア語・ミャンマー語・タガログ語・広東語
【対応時間】２４時間（３６５日）</t>
    <rPh sb="1" eb="3">
      <t>タイオウ</t>
    </rPh>
    <rPh sb="3" eb="5">
      <t>ゲンゴ</t>
    </rPh>
    <rPh sb="110" eb="112">
      <t>ジカン</t>
    </rPh>
    <phoneticPr fontId="1"/>
  </si>
  <si>
    <t>コロナ包括助成金にて通訳タブレット・PC・案内用などにデジタルサイネージを申請予定　3月導入</t>
    <rPh sb="3" eb="5">
      <t>ホウカツ</t>
    </rPh>
    <rPh sb="5" eb="8">
      <t>ジョセイキン</t>
    </rPh>
    <rPh sb="10" eb="12">
      <t>ツウヤク</t>
    </rPh>
    <rPh sb="21" eb="24">
      <t>アンナイヨウ</t>
    </rPh>
    <rPh sb="37" eb="39">
      <t>シンセイ</t>
    </rPh>
    <rPh sb="39" eb="41">
      <t>ヨテイ</t>
    </rPh>
    <rPh sb="43" eb="44">
      <t>ツキ</t>
    </rPh>
    <rPh sb="44" eb="46">
      <t>ドウニュウ</t>
    </rPh>
    <phoneticPr fontId="1"/>
  </si>
  <si>
    <t>MMわんぱくこどもクリニック</t>
  </si>
  <si>
    <t>MMWANPAKU Pediatrics clinic</t>
  </si>
  <si>
    <t>220-0012</t>
  </si>
  <si>
    <t>4-7-1，Minatomirai,Nishi－ku，Yokohama，Kanagawa</t>
  </si>
  <si>
    <t>045-641-1893</t>
  </si>
  <si>
    <t>VISA　MASTER　AMEX　JCB　ダイナース</t>
  </si>
  <si>
    <t>なし</t>
  </si>
  <si>
    <t>神奈川県横浜市西区みなとみらい4-7-1Ｍ.Ｍ.ミッドスクエア 2Ｆ</t>
    <phoneticPr fontId="4"/>
  </si>
  <si>
    <t>(月～土)午前 9:00～12:00 午後14:00～18:00　休診日：水曜・土曜午後・日曜・祝日</t>
    <rPh sb="1" eb="2">
      <t>ゲツ</t>
    </rPh>
    <rPh sb="3" eb="4">
      <t>ド</t>
    </rPh>
    <rPh sb="5" eb="7">
      <t>ゴゼン</t>
    </rPh>
    <rPh sb="19" eb="21">
      <t>ゴゴ</t>
    </rPh>
    <phoneticPr fontId="1"/>
  </si>
  <si>
    <t>https://www.mmwanpaku.com/　日本語
https://www.mmwanpaku.com/en　英語</t>
    <phoneticPr fontId="4"/>
  </si>
  <si>
    <t>EN/ES</t>
    <phoneticPr fontId="4"/>
  </si>
  <si>
    <t>小児科</t>
    <rPh sb="0" eb="3">
      <t>ショウニカ</t>
    </rPh>
    <phoneticPr fontId="1"/>
  </si>
  <si>
    <t>診療所</t>
    <rPh sb="0" eb="3">
      <t>シンリョウジョ</t>
    </rPh>
    <phoneticPr fontId="4"/>
  </si>
  <si>
    <t>【対応言語】EN　ES
【対応時間】9：00-18：00</t>
    <rPh sb="1" eb="3">
      <t>タイオウ</t>
    </rPh>
    <rPh sb="3" eb="5">
      <t>ゲンゴ</t>
    </rPh>
    <rPh sb="13" eb="15">
      <t>タイオウ</t>
    </rPh>
    <rPh sb="15" eb="17">
      <t>ジカン</t>
    </rPh>
    <phoneticPr fontId="1"/>
  </si>
  <si>
    <t>【対応言語】EN　ES
【対応時間】9：00-18：00</t>
    <phoneticPr fontId="4"/>
  </si>
  <si>
    <t>受付スタッフ</t>
    <rPh sb="0" eb="2">
      <t>ウケツケ</t>
    </rPh>
    <phoneticPr fontId="1"/>
  </si>
  <si>
    <t>通訳の同伴がなくても対応可能</t>
    <phoneticPr fontId="4"/>
  </si>
  <si>
    <t>【対応言語】EN
【対応時間】9：00-18：00</t>
    <phoneticPr fontId="4"/>
  </si>
  <si>
    <t>本牧ベイサイドクリニック</t>
    <rPh sb="0" eb="2">
      <t>ホンモク</t>
    </rPh>
    <phoneticPr fontId="1"/>
  </si>
  <si>
    <t>Honmoku baysideclinic</t>
  </si>
  <si>
    <t>231－0821</t>
  </si>
  <si>
    <t>045-628-0622</t>
  </si>
  <si>
    <t>横浜市中区本牧原1－22ムラーラ本牧1F</t>
    <rPh sb="16" eb="18">
      <t>ホンモク</t>
    </rPh>
    <phoneticPr fontId="1"/>
  </si>
  <si>
    <t>1-22, honmokuhara,nakaku,yokohama,kanagawa</t>
    <phoneticPr fontId="4"/>
  </si>
  <si>
    <t>https://bayside-cl.com/(日本語）</t>
    <phoneticPr fontId="4"/>
  </si>
  <si>
    <t>内科　消化器内科　皮膚科　小児科</t>
    <rPh sb="0" eb="2">
      <t>ナイカ</t>
    </rPh>
    <rPh sb="3" eb="6">
      <t>ショウカキ</t>
    </rPh>
    <rPh sb="6" eb="8">
      <t>ナイカ</t>
    </rPh>
    <rPh sb="9" eb="12">
      <t>ヒフカ</t>
    </rPh>
    <rPh sb="13" eb="16">
      <t>ショウニカ</t>
    </rPh>
    <phoneticPr fontId="1"/>
  </si>
  <si>
    <t>EN</t>
  </si>
  <si>
    <t>EN</t>
    <phoneticPr fontId="4"/>
  </si>
  <si>
    <t>VISA　MASTER　</t>
  </si>
  <si>
    <t>【対応言語】EN
【対応時間】9：00-18：00</t>
    <phoneticPr fontId="4"/>
  </si>
  <si>
    <r>
      <t>看護師、受付スタッフ</t>
    </r>
    <r>
      <rPr>
        <sz val="20"/>
        <color theme="1"/>
        <rFont val="ＭＳ Ｐゴシック"/>
        <family val="3"/>
        <charset val="128"/>
      </rPr>
      <t/>
    </r>
    <rPh sb="0" eb="3">
      <t>カンゴシ</t>
    </rPh>
    <rPh sb="4" eb="6">
      <t>ウケツケ</t>
    </rPh>
    <phoneticPr fontId="1"/>
  </si>
  <si>
    <t>通訳の同伴がなくても対応可能</t>
    <phoneticPr fontId="4"/>
  </si>
  <si>
    <t>【対応言語】EN
【対応時間】9：00-18：00</t>
    <rPh sb="1" eb="3">
      <t>タイオウ</t>
    </rPh>
    <rPh sb="3" eb="5">
      <t>ゲンゴ</t>
    </rPh>
    <rPh sb="10" eb="12">
      <t>タイオウ</t>
    </rPh>
    <rPh sb="12" eb="14">
      <t>ジカン</t>
    </rPh>
    <phoneticPr fontId="1"/>
  </si>
  <si>
    <t>メディカルパーク　湘南</t>
    <rPh sb="9" eb="11">
      <t>ショウナン</t>
    </rPh>
    <phoneticPr fontId="1"/>
  </si>
  <si>
    <t>medical park shonan</t>
  </si>
  <si>
    <t>神奈川県藤沢市湘南台1-14-3</t>
  </si>
  <si>
    <t>1-14-3
syounandai,fujisawa,kanagawa</t>
  </si>
  <si>
    <t>046-641-0331</t>
  </si>
  <si>
    <t>252-0804　</t>
    <phoneticPr fontId="4"/>
  </si>
  <si>
    <t>https://medicalpark-shonan.com/</t>
  </si>
  <si>
    <t>婦人科　産科　乳腺外科  麻酔科</t>
  </si>
  <si>
    <t>VISA　MASTER
JCB　</t>
  </si>
  <si>
    <t>〇</t>
    <phoneticPr fontId="4"/>
  </si>
  <si>
    <t>【対応言語】EN
【対応時間】8:30-19:00</t>
    <phoneticPr fontId="4"/>
  </si>
  <si>
    <t>医師、受付スタッフ</t>
    <rPh sb="0" eb="2">
      <t>イシ</t>
    </rPh>
    <rPh sb="3" eb="5">
      <t>ウケツケ</t>
    </rPh>
    <phoneticPr fontId="1"/>
  </si>
  <si>
    <t>簡単な診療であれば対応できるが、通訳同伴が望ましい</t>
    <rPh sb="0" eb="2">
      <t>カンタン</t>
    </rPh>
    <rPh sb="1" eb="3">
      <t>ウケツケ</t>
    </rPh>
    <rPh sb="9" eb="11">
      <t>ツウヤク</t>
    </rPh>
    <rPh sb="16" eb="18">
      <t>ハケン</t>
    </rPh>
    <rPh sb="23" eb="24">
      <t>タ</t>
    </rPh>
    <phoneticPr fontId="1"/>
  </si>
  <si>
    <t>【対応言語】EN
【対応時間】8：30-19：00</t>
    <rPh sb="1" eb="3">
      <t>タイオウ</t>
    </rPh>
    <rPh sb="3" eb="5">
      <t>ゲンゴ</t>
    </rPh>
    <rPh sb="10" eb="12">
      <t>タイオウ</t>
    </rPh>
    <rPh sb="12" eb="14">
      <t>ジカン</t>
    </rPh>
    <phoneticPr fontId="1"/>
  </si>
  <si>
    <t>R5.6</t>
    <phoneticPr fontId="4"/>
  </si>
  <si>
    <t>医療法人社団輔仁会片倉病院</t>
    <rPh sb="0" eb="13">
      <t>イリョウホウジンシャダンホジンカイカタクラビョウイン</t>
    </rPh>
    <phoneticPr fontId="1"/>
  </si>
  <si>
    <t>katakura hospital</t>
  </si>
  <si>
    <t>神奈川県川崎市高津区新作4丁目11－16</t>
    <rPh sb="0" eb="12">
      <t>カナガワケンカワサキシタカツクシンサク</t>
    </rPh>
    <rPh sb="13" eb="15">
      <t>チョウメ</t>
    </rPh>
    <phoneticPr fontId="1"/>
  </si>
  <si>
    <t>044-866-2151</t>
  </si>
  <si>
    <t>https://www.katakura-hp.com/</t>
  </si>
  <si>
    <t>213-0014　</t>
    <phoneticPr fontId="4"/>
  </si>
  <si>
    <t>11－16
shinsaku,takatsuku,kawasaki,kanagawa</t>
    <phoneticPr fontId="4"/>
  </si>
  <si>
    <t>病院</t>
    <phoneticPr fontId="4"/>
  </si>
  <si>
    <t>第二次救急医療機関</t>
    <rPh sb="0" eb="1">
      <t>ダイ</t>
    </rPh>
    <rPh sb="1" eb="3">
      <t>ニジ</t>
    </rPh>
    <rPh sb="3" eb="5">
      <t>キュウキュウ</t>
    </rPh>
    <rPh sb="5" eb="7">
      <t>イリョウ</t>
    </rPh>
    <rPh sb="7" eb="9">
      <t>キカン</t>
    </rPh>
    <phoneticPr fontId="4"/>
  </si>
  <si>
    <t>【対応言語】EN
【対応時間】8：30-17：30</t>
    <rPh sb="1" eb="3">
      <t>タイオウ</t>
    </rPh>
    <rPh sb="3" eb="5">
      <t>ゲンゴ</t>
    </rPh>
    <rPh sb="10" eb="12">
      <t>タイオウ</t>
    </rPh>
    <rPh sb="12" eb="14">
      <t>ジカン</t>
    </rPh>
    <phoneticPr fontId="1"/>
  </si>
  <si>
    <t>糖尿病代謝内分泌内科　消化器科　循環器内科　脳神経内科　腎臓内科　腎臓透析内科　リウマチ科</t>
    <rPh sb="0" eb="3">
      <t>トウニョウビョウ</t>
    </rPh>
    <rPh sb="3" eb="5">
      <t>タイシャ</t>
    </rPh>
    <rPh sb="5" eb="10">
      <t>ナイブンピツナイカ</t>
    </rPh>
    <rPh sb="11" eb="15">
      <t>ショウカキカ</t>
    </rPh>
    <rPh sb="16" eb="19">
      <t>ジュンカンキ</t>
    </rPh>
    <rPh sb="19" eb="21">
      <t>ナイカ</t>
    </rPh>
    <rPh sb="22" eb="25">
      <t>ノウシンケイ</t>
    </rPh>
    <rPh sb="25" eb="27">
      <t>ナイカ</t>
    </rPh>
    <rPh sb="28" eb="30">
      <t>ジンゾウ</t>
    </rPh>
    <rPh sb="30" eb="32">
      <t>ナイカ</t>
    </rPh>
    <rPh sb="33" eb="37">
      <t>ジンゾウトウセキ</t>
    </rPh>
    <rPh sb="37" eb="39">
      <t>ナイカ</t>
    </rPh>
    <rPh sb="44" eb="45">
      <t>カ</t>
    </rPh>
    <phoneticPr fontId="1"/>
  </si>
  <si>
    <t>医療法人社団宏和会横浜こどもクリニック</t>
    <phoneticPr fontId="4"/>
  </si>
  <si>
    <t>yokohama children　clinic</t>
    <phoneticPr fontId="4"/>
  </si>
  <si>
    <t>220-0073</t>
    <phoneticPr fontId="4"/>
  </si>
  <si>
    <t>横浜市西区岡野２－５－１８　２F</t>
    <phoneticPr fontId="4"/>
  </si>
  <si>
    <t>2F, 2-5-18 Okano, Nishi-ku, Yokohama-shi, Kanagawa</t>
    <phoneticPr fontId="4"/>
  </si>
  <si>
    <t>045-548-9777</t>
    <phoneticPr fontId="4"/>
  </si>
  <si>
    <t>８：３０～１２：３０　　１５：３０～１８：３０（水曜日、日曜日は休診、土曜日は１２：３０まで受付）</t>
    <phoneticPr fontId="4"/>
  </si>
  <si>
    <t>https://www.yokohama-kodomo.jp/</t>
    <phoneticPr fontId="4"/>
  </si>
  <si>
    <t>小児科</t>
    <phoneticPr fontId="4"/>
  </si>
  <si>
    <t>EN</t>
    <phoneticPr fontId="4"/>
  </si>
  <si>
    <t>VISA、MASTER、AMEX、
JCB、</t>
    <phoneticPr fontId="4"/>
  </si>
  <si>
    <t>非接触カード決済：楽天Edy、Suica, PASMO, ICOCA、Waon, nanacoなど
QRコード決済：d払い、ペイペイ、LINE Payなど</t>
    <phoneticPr fontId="4"/>
  </si>
  <si>
    <t>○</t>
    <phoneticPr fontId="4"/>
  </si>
  <si>
    <t>診療所</t>
    <rPh sb="0" eb="3">
      <t>シンリョウジョ</t>
    </rPh>
    <phoneticPr fontId="4"/>
  </si>
  <si>
    <t>≪ＭＩＣかながわ医療通訳派遣サービス≫【対応言語】
ZH/KO/TL/PT/ES/EN/TH/VI/LO/RU/FR/NE/カンボジア語
【対応時間】
平日　9：00-17：00</t>
    <phoneticPr fontId="4"/>
  </si>
  <si>
    <t>通訳スタッフ(派遣)</t>
    <rPh sb="0" eb="2">
      <t>ツウヤク</t>
    </rPh>
    <rPh sb="7" eb="9">
      <t>ハケン</t>
    </rPh>
    <phoneticPr fontId="4"/>
  </si>
  <si>
    <t>≪横浜市電話医療通訳サービス≫
【対応言語】
EN/ZH/KO/PT/ES/TH/VI/ID/TL/NE/MS/FR/IT/DE/RU
【対応時間】
９：００～１７：００</t>
    <phoneticPr fontId="4"/>
  </si>
  <si>
    <t>≪医療通訳サービスを利用する場合≫
・２日前までに予約必要
・１時間あたり３,000円程度</t>
    <phoneticPr fontId="4"/>
  </si>
  <si>
    <t>内科・外科</t>
    <phoneticPr fontId="4"/>
  </si>
  <si>
    <t>県央</t>
    <rPh sb="0" eb="2">
      <t>ケンオウ</t>
    </rPh>
    <phoneticPr fontId="4"/>
  </si>
  <si>
    <t>Okabayashi clinic</t>
    <phoneticPr fontId="4"/>
  </si>
  <si>
    <t>242-0021</t>
    <phoneticPr fontId="4"/>
  </si>
  <si>
    <t>神奈川県大和市中央1-1-2第二近藤ビル２階</t>
    <phoneticPr fontId="4"/>
  </si>
  <si>
    <t>1-1-2Kondo-2Bldg.2nd floor,,Yamato-City Chuo,Kanagawaken,242-0021 Japan</t>
    <phoneticPr fontId="4"/>
  </si>
  <si>
    <t>046-262-4885</t>
    <phoneticPr fontId="4"/>
  </si>
  <si>
    <t>（月火木金9：00‐12：00、15：00‐18：30）（土9：00‐12：00）　日・祝日・水曜休診</t>
    <phoneticPr fontId="4"/>
  </si>
  <si>
    <t>http://okabayashi.pupu.jp</t>
    <phoneticPr fontId="4"/>
  </si>
  <si>
    <t>〇</t>
    <phoneticPr fontId="4"/>
  </si>
  <si>
    <t>【対応言語】中国語・英語
【対応時間】月火木金9：00‐12：00　15：00‐18：30　　　　　土9：00‐12：00　　　　　　　　　　　水日祝日・休診　</t>
    <phoneticPr fontId="4"/>
  </si>
  <si>
    <t>医師、受付スタッフ</t>
    <rPh sb="0" eb="2">
      <t>イシ</t>
    </rPh>
    <rPh sb="3" eb="5">
      <t>ウケツケ</t>
    </rPh>
    <phoneticPr fontId="4"/>
  </si>
  <si>
    <t>医療法人社団　漢医会　岡林クリニック</t>
    <rPh sb="0" eb="2">
      <t>イリョウ</t>
    </rPh>
    <rPh sb="2" eb="4">
      <t>ホウジン</t>
    </rPh>
    <rPh sb="4" eb="6">
      <t>シャダン</t>
    </rPh>
    <rPh sb="7" eb="8">
      <t>カン</t>
    </rPh>
    <rPh sb="8" eb="9">
      <t>イ</t>
    </rPh>
    <rPh sb="9" eb="10">
      <t>カイ</t>
    </rPh>
    <rPh sb="11" eb="13">
      <t>オカバヤシ</t>
    </rPh>
    <phoneticPr fontId="4"/>
  </si>
  <si>
    <t xml:space="preserve">【対応診療科】内科・皮膚科・整形外科  </t>
    <phoneticPr fontId="4"/>
  </si>
  <si>
    <t>EN/ZH</t>
    <phoneticPr fontId="4"/>
  </si>
  <si>
    <t>神奈川県横浜市保土ヶ谷区新井町457-1</t>
    <rPh sb="0" eb="4">
      <t>カナガワケン</t>
    </rPh>
    <rPh sb="4" eb="7">
      <t>ヨコハマシ</t>
    </rPh>
    <rPh sb="7" eb="11">
      <t>ホドガヤ</t>
    </rPh>
    <rPh sb="11" eb="12">
      <t>ク</t>
    </rPh>
    <rPh sb="12" eb="15">
      <t>アライマチ</t>
    </rPh>
    <phoneticPr fontId="9"/>
  </si>
  <si>
    <t>（火-日）9:00-12:00、14:00-18:00　</t>
    <phoneticPr fontId="9"/>
  </si>
  <si>
    <t>内科/漢方内科/皮膚科/小児科　　　　　　</t>
    <rPh sb="0" eb="2">
      <t>ナイカ</t>
    </rPh>
    <rPh sb="3" eb="5">
      <t>カンポウ</t>
    </rPh>
    <rPh sb="5" eb="7">
      <t>ナイカ</t>
    </rPh>
    <rPh sb="8" eb="11">
      <t>ヒフカ</t>
    </rPh>
    <rPh sb="12" eb="14">
      <t>ショウニ</t>
    </rPh>
    <rPh sb="14" eb="15">
      <t>カ</t>
    </rPh>
    <phoneticPr fontId="9"/>
  </si>
  <si>
    <t>VISA、MASTER、AMEX、JCB</t>
    <phoneticPr fontId="4"/>
  </si>
  <si>
    <t>【対応言語】ZH
【対応時間】（火-日）9:00-18:00</t>
    <rPh sb="1" eb="3">
      <t>タイオウ</t>
    </rPh>
    <rPh sb="3" eb="5">
      <t>ゲンゴ</t>
    </rPh>
    <rPh sb="10" eb="12">
      <t>タイオウ</t>
    </rPh>
    <rPh sb="12" eb="14">
      <t>ジカン</t>
    </rPh>
    <phoneticPr fontId="1"/>
  </si>
  <si>
    <t>【対応言語】ZH
【対応時間】（火-日）9:00－12:00,14:00-18:00　　　　</t>
    <phoneticPr fontId="1"/>
  </si>
  <si>
    <t>【対応言語】ZH
【対応時間】
（火-日）9:00-18:00　　　　　　　　　
≪横浜市電話医療通訳サービス≫
【対応言語】
EN/ZH/KO/PT/ES/TH/VI/ID/TL/NE/MS/FR/IT/DE/RU
【対応時間】
24時間</t>
    <rPh sb="1" eb="3">
      <t>タイオウ</t>
    </rPh>
    <rPh sb="3" eb="5">
      <t>ゲンゴ</t>
    </rPh>
    <rPh sb="10" eb="12">
      <t>タイオウ</t>
    </rPh>
    <rPh sb="12" eb="14">
      <t>ジカン</t>
    </rPh>
    <phoneticPr fontId="1"/>
  </si>
  <si>
    <t>R5.12</t>
    <phoneticPr fontId="4"/>
  </si>
  <si>
    <t>川崎南部</t>
    <rPh sb="0" eb="2">
      <t>カワサキ</t>
    </rPh>
    <rPh sb="2" eb="4">
      <t>ナンブ</t>
    </rPh>
    <phoneticPr fontId="4"/>
  </si>
  <si>
    <t>社会医療法人石心会　第二川崎幸クリニック　</t>
    <phoneticPr fontId="4"/>
  </si>
  <si>
    <t>神奈川県川崎市幸区都町39番地1</t>
    <rPh sb="0" eb="4">
      <t>カナガワケン</t>
    </rPh>
    <rPh sb="4" eb="7">
      <t>カワサキシ</t>
    </rPh>
    <rPh sb="7" eb="9">
      <t>サイワイク</t>
    </rPh>
    <rPh sb="9" eb="11">
      <t>ミヤコチョウ</t>
    </rPh>
    <rPh sb="13" eb="15">
      <t>バンチ</t>
    </rPh>
    <phoneticPr fontId="1"/>
  </si>
  <si>
    <t>月～金：
午前 9:00～12:00
午後 14:00～16:30
夕診 17:00～18:30
土：
9:00～12:00</t>
    <rPh sb="0" eb="1">
      <t>ゲツ</t>
    </rPh>
    <rPh sb="2" eb="3">
      <t>キン</t>
    </rPh>
    <rPh sb="5" eb="7">
      <t>ゴゼン</t>
    </rPh>
    <rPh sb="19" eb="21">
      <t>ゴゴ</t>
    </rPh>
    <phoneticPr fontId="1"/>
  </si>
  <si>
    <t>212-0021</t>
  </si>
  <si>
    <t>39-1 Miyako-cho,Saiwai-ku,Kawasaki-shi,Kanagawa-ken 212-0014</t>
  </si>
  <si>
    <t>044-511-1322</t>
  </si>
  <si>
    <t>The Second Kawasaki Saiwai Clinic</t>
  </si>
  <si>
    <t>https://saiwaicl-2.jp/（日本語）
https://saiwaicl-2.jp/eng/（英語）
https://saiwaicl-2.jp/chn/（簡体中文）</t>
    <phoneticPr fontId="4"/>
  </si>
  <si>
    <t>消化器内科/循環器内科/外科/脳神経外科/泌尿器科/婦人科/乳腺外科/心臓血管外科/形成外科/血管外科/その他</t>
    <phoneticPr fontId="4"/>
  </si>
  <si>
    <t>EN/ZH</t>
    <phoneticPr fontId="4"/>
  </si>
  <si>
    <t>VISA、MASTER、AMEX、
JCB、DISCOVER、Diner Club</t>
    <phoneticPr fontId="4"/>
  </si>
  <si>
    <t>デビットカード</t>
    <phoneticPr fontId="4"/>
  </si>
  <si>
    <t>診療所</t>
    <rPh sb="0" eb="3">
      <t>シンリョウジョ</t>
    </rPh>
    <phoneticPr fontId="4"/>
  </si>
  <si>
    <t>【対応言語】
EN/ZH
【対応時間】
月～金：
　午前 9:00～12:00、
　午後 14:00～16:30
土：
　9:00～12:00</t>
    <phoneticPr fontId="4"/>
  </si>
  <si>
    <t>医師、受付スタッフ</t>
    <rPh sb="0" eb="2">
      <t>イシ</t>
    </rPh>
    <rPh sb="3" eb="5">
      <t>ウケツケ</t>
    </rPh>
    <phoneticPr fontId="4"/>
  </si>
  <si>
    <t>簡単な診療であれば対応できるが、通訳同伴が望ましい。</t>
    <phoneticPr fontId="4"/>
  </si>
  <si>
    <t>≪タブレットビデオ通訳/どこでも通訳≫
【対応言語】
EN/ZH/KO/PT/ES/VI/TL/TH/FR/NE/HI/RU/ID/KM
【対応時間】
月～金：8:30～17:00、土：8:30～12:00
≪電話通訳/メディフォン≫
【対応言語】
EN/ZH/KO/PT/ES/VI/NE/TL/TH/ID/HI/RU/FR/MN/FA/AR
【対応時間】
月～金：8:30～17:00、土：8:30～12:00</t>
    <phoneticPr fontId="4"/>
  </si>
  <si>
    <t>≪機械通訳/メディフォン≫
【対応言語】
EN/ZH/KO/PT/ES/VI/NE/TL/TH/ID/HI/RU/FR/MN/FA/AR
【対応時間】
月～金：8:30～17:00、土：8:30～12:00</t>
    <rPh sb="1" eb="3">
      <t>キカイ</t>
    </rPh>
    <rPh sb="15" eb="17">
      <t>タイオウ</t>
    </rPh>
    <rPh sb="17" eb="19">
      <t>ゲンゴ</t>
    </rPh>
    <rPh sb="70" eb="72">
      <t>タイオウ</t>
    </rPh>
    <rPh sb="72" eb="74">
      <t>ジカン</t>
    </rPh>
    <phoneticPr fontId="1"/>
  </si>
  <si>
    <t>タブレットビデオ通訳/どこでも通訳は、言語により対応時間が異なる場合があります</t>
    <rPh sb="19" eb="21">
      <t>ゲンゴ</t>
    </rPh>
    <phoneticPr fontId="1"/>
  </si>
  <si>
    <t>医療法人新川新横浜クリニック</t>
    <rPh sb="0" eb="4">
      <t>イリョウホウジン</t>
    </rPh>
    <phoneticPr fontId="9"/>
  </si>
  <si>
    <t>IryouhoujinShinkawa-Shinyokohama Clinic</t>
    <phoneticPr fontId="4"/>
  </si>
  <si>
    <t>VISA、 MASTER、 AMEX、 JCB、</t>
    <phoneticPr fontId="24"/>
  </si>
  <si>
    <t>Suica, PASMO, ICOCA, Kitaca, manaca, nimoca, SUGOCA, はやかけん,DISCOVER, iD, apple Pay, QuicPay</t>
    <phoneticPr fontId="24"/>
  </si>
  <si>
    <t>〇</t>
    <phoneticPr fontId="24"/>
  </si>
  <si>
    <t>【対応言語】
状況により多言語対応可
【対応時間】
（平日）8:30～17：00</t>
    <rPh sb="7" eb="9">
      <t>ジョウキョウ</t>
    </rPh>
    <rPh sb="12" eb="15">
      <t>タゲンゴ</t>
    </rPh>
    <rPh sb="15" eb="17">
      <t>タイオウ</t>
    </rPh>
    <rPh sb="17" eb="18">
      <t>カ</t>
    </rPh>
    <phoneticPr fontId="24"/>
  </si>
  <si>
    <t>ポケトーク</t>
    <phoneticPr fontId="9"/>
  </si>
  <si>
    <t>当院への受診は原則紹介予約制です。詳細はウェブサイトをご覧ください。</t>
    <phoneticPr fontId="4"/>
  </si>
  <si>
    <t>≪医療通訳派遣サービス≫
EN/ZH/KO/PT/ES/TL/TH/VI/NE/FR/RU/ラオス語/朝鮮語/カンボジア語
≪横浜市電話医療通訳サービス≫
EN/ZH/KO/PT/ES/TH/VI/TL/NE
≪その他の電話医療通訳≫
EN/ZH/KO/VI/RU/PT/TH/ES/TL/FR/MN/HI/ID/FA/NE/ミャンマー語/広東語
≪ビデオ医療通訳≫ EN/ZH/ES/PT</t>
    <rPh sb="1" eb="3">
      <t>イリョウ</t>
    </rPh>
    <rPh sb="3" eb="5">
      <t>ツウヤク</t>
    </rPh>
    <rPh sb="5" eb="7">
      <t>ハケン</t>
    </rPh>
    <rPh sb="63" eb="66">
      <t>ヨコハマシ</t>
    </rPh>
    <rPh sb="66" eb="68">
      <t>デンワ</t>
    </rPh>
    <rPh sb="68" eb="70">
      <t>イリョウ</t>
    </rPh>
    <rPh sb="70" eb="72">
      <t>ツウヤク</t>
    </rPh>
    <rPh sb="108" eb="109">
      <t>タ</t>
    </rPh>
    <rPh sb="110" eb="112">
      <t>デンワ</t>
    </rPh>
    <rPh sb="112" eb="114">
      <t>イリョウ</t>
    </rPh>
    <rPh sb="114" eb="116">
      <t>ツウヤク</t>
    </rPh>
    <rPh sb="168" eb="169">
      <t>ゴ</t>
    </rPh>
    <rPh sb="170" eb="173">
      <t>カントンゴ</t>
    </rPh>
    <rPh sb="178" eb="180">
      <t>イリョウ</t>
    </rPh>
    <rPh sb="180" eb="182">
      <t>ツウヤク</t>
    </rPh>
    <phoneticPr fontId="9"/>
  </si>
  <si>
    <t>≪横浜市電話医療通訳サービス≫
【対応言語】
EN/ZH/KO/PT/ES/TH/VI/TL/NE
【対応時間】
8時～20時
≪その他の電話医療通訳≫
EN/ZH/KO/VI/RU/PT/TH/ES/TL/FR/MN/HI/ID/FA/NE/ミャンマー語/広東語（24時間）
≪ビデオ医療通訳≫
EN/ZH/ES/PT(9:00-17:00)</t>
    <phoneticPr fontId="9"/>
  </si>
  <si>
    <t>St. Marianna　University　Hospital</t>
    <phoneticPr fontId="4"/>
  </si>
  <si>
    <t>医療法人社団慶真会　川崎中央クリニック　</t>
    <phoneticPr fontId="4"/>
  </si>
  <si>
    <t>Iryouhoujinsyadan keishinnkai kawasakichuouclinic</t>
    <phoneticPr fontId="4"/>
  </si>
  <si>
    <t>≪ＭＩＣかながわ医療通訳≫
【対応言語】
ZH/KO/TL/PT/ES/EN/TH/VI/LO/RU/FR/NE/カンボジア語
【対応時間】
原則　平日の9:00～16：00</t>
    <phoneticPr fontId="4"/>
  </si>
  <si>
    <t>【対応言語】EN
【対応時間】
（月-土）9:00-12:00（木曜日休診）
（月水）14:00-16:30</t>
    <rPh sb="1" eb="3">
      <t>タイオウ</t>
    </rPh>
    <rPh sb="3" eb="5">
      <t>ゲンゴ</t>
    </rPh>
    <rPh sb="10" eb="12">
      <t>タイオウ</t>
    </rPh>
    <rPh sb="12" eb="14">
      <t>ジカン</t>
    </rPh>
    <phoneticPr fontId="8"/>
  </si>
  <si>
    <t>Kawasaki
Municipal
Ida Hospital</t>
    <phoneticPr fontId="6"/>
  </si>
  <si>
    <t>（月-金）初診8:30-11:00再診8:00-11:00、11:30-15:00（土日・祝日）一般外来は休診。救急外来のみ。</t>
    <phoneticPr fontId="9"/>
  </si>
  <si>
    <t>〇</t>
    <phoneticPr fontId="4"/>
  </si>
  <si>
    <t>電話医療通訳サービス(日本エマージェンシーアシスタント(株))と三者間通話によりサービスを利用できます。
【対応言語】EN/ZH/KO/VI/NE/TL/ES/PT/ID/IT/FR/DE/RU/TH/MS/KM /MY/MN/SI/HI/BE※１回の通話は30分程度、年間の利用上限あり。
【対応可能時間】２４時間</t>
    <phoneticPr fontId="8"/>
  </si>
  <si>
    <t>医療通訳は外部委託のため、予約が必要です。できるだけ早めの予約をお願いします。
044-233-5521(患者総合サポートセンター)
なお、通訳者が見つからない場合もあります。</t>
    <phoneticPr fontId="3"/>
  </si>
  <si>
    <t>（月-土）9:00-12:00（木曜日休診）
（月・水）:14:00-16:30</t>
    <rPh sb="1" eb="2">
      <t>ツキ</t>
    </rPh>
    <rPh sb="3" eb="4">
      <t>ド</t>
    </rPh>
    <rPh sb="16" eb="19">
      <t>モクヨウビ</t>
    </rPh>
    <rPh sb="19" eb="21">
      <t>キュウシン</t>
    </rPh>
    <rPh sb="24" eb="25">
      <t>ゲツ</t>
    </rPh>
    <rPh sb="26" eb="27">
      <t>スイ</t>
    </rPh>
    <phoneticPr fontId="9"/>
  </si>
  <si>
    <t>【神奈川県】訪日外国人旅行者等に対する医療の提供体制（令和５年12月４日現在）</t>
    <rPh sb="1" eb="5">
      <t>カナガワケン</t>
    </rPh>
    <rPh sb="6" eb="8">
      <t>ホウニチ</t>
    </rPh>
    <rPh sb="8" eb="10">
      <t>ガイコク</t>
    </rPh>
    <rPh sb="10" eb="11">
      <t>ジン</t>
    </rPh>
    <rPh sb="11" eb="14">
      <t>リョコウシャ</t>
    </rPh>
    <rPh sb="14" eb="15">
      <t>トウ</t>
    </rPh>
    <rPh sb="16" eb="17">
      <t>タイ</t>
    </rPh>
    <rPh sb="19" eb="21">
      <t>イリョウ</t>
    </rPh>
    <rPh sb="22" eb="24">
      <t>テイキョウ</t>
    </rPh>
    <rPh sb="24" eb="26">
      <t>タイセイ</t>
    </rPh>
    <rPh sb="27" eb="29">
      <t>レイワ</t>
    </rPh>
    <rPh sb="30" eb="31">
      <t>ネン</t>
    </rPh>
    <rPh sb="33" eb="34">
      <t>ガツ</t>
    </rPh>
    <rPh sb="35" eb="36">
      <t>ニチ</t>
    </rPh>
    <rPh sb="36" eb="38">
      <t>ゲンザイ</t>
    </rPh>
    <phoneticPr fontId="7"/>
  </si>
  <si>
    <t>【対応診療科】全診療科
【対応言語】
EN/ZH/KO/PT/ES/TH/VI/ID/TL/NE/MS/FR/IT/DE/RU/LO/カンボジア語
※事前予約制・有料</t>
    <rPh sb="1" eb="3">
      <t>タイオウ</t>
    </rPh>
    <rPh sb="3" eb="6">
      <t>シンリョウカ</t>
    </rPh>
    <rPh sb="7" eb="8">
      <t>ゼン</t>
    </rPh>
    <rPh sb="8" eb="11">
      <t>シンリョウカ</t>
    </rPh>
    <rPh sb="13" eb="15">
      <t>タイオウ</t>
    </rPh>
    <rPh sb="15" eb="17">
      <t>ゲンゴ</t>
    </rPh>
    <rPh sb="72" eb="73">
      <t>ゴ</t>
    </rPh>
    <phoneticPr fontId="9"/>
  </si>
  <si>
    <t>【対応言語】
状況により多言語対応可
【対応時間】
（平日）8:30～17：00</t>
    <phoneticPr fontId="24"/>
  </si>
  <si>
    <t>≪通訳職員≫
【対応言語】ZH
【対応時間】
（平日）8:3０-17：00
≪ＭＩＣかながわ医療通訳≫
【対応言語】
ZH/KO/TL/PT/ES/EN/TH/VI/LO/RU/FR/NE/カンボジア語
【対応時間】
原則　（平日）8:3０-17:００</t>
    <phoneticPr fontId="24"/>
  </si>
  <si>
    <t xml:space="preserve">【対応言語】
多数
【対応時間】
言語による
</t>
    <rPh sb="7" eb="9">
      <t>タスウ</t>
    </rPh>
    <rPh sb="17" eb="19">
      <t>ゲンゴ</t>
    </rPh>
    <phoneticPr fontId="24"/>
  </si>
  <si>
    <r>
      <t xml:space="preserve">（月-金）8:30-11:00
</t>
    </r>
    <r>
      <rPr>
        <sz val="16"/>
        <rFont val="ＭＳ Ｐゴシック"/>
        <family val="3"/>
        <charset val="128"/>
      </rPr>
      <t>　　紹介状をお持ちの方は8:15-
　  救急外来24時間対応
（土日・祝日）救急外来24時間対応</t>
    </r>
    <rPh sb="37" eb="39">
      <t>キュウキュウ</t>
    </rPh>
    <rPh sb="39" eb="41">
      <t>ガイライ</t>
    </rPh>
    <rPh sb="43" eb="45">
      <t>ジカン</t>
    </rPh>
    <rPh sb="45" eb="47">
      <t>タイオウ</t>
    </rPh>
    <rPh sb="49" eb="51">
      <t>ドニチ</t>
    </rPh>
    <rPh sb="52" eb="54">
      <t>シュクジツ</t>
    </rPh>
    <phoneticPr fontId="20"/>
  </si>
  <si>
    <r>
      <rPr>
        <sz val="16"/>
        <rFont val="ＭＳ Ｐゴシック"/>
        <family val="3"/>
        <charset val="128"/>
      </rPr>
      <t>（月</t>
    </r>
    <r>
      <rPr>
        <sz val="16"/>
        <rFont val="Arial"/>
        <family val="2"/>
      </rPr>
      <t>-</t>
    </r>
    <r>
      <rPr>
        <sz val="16"/>
        <rFont val="ＭＳ Ｐゴシック"/>
        <family val="3"/>
        <charset val="128"/>
      </rPr>
      <t>金）</t>
    </r>
    <r>
      <rPr>
        <sz val="16"/>
        <rFont val="Arial"/>
        <family val="2"/>
      </rPr>
      <t>9:00-13:00</t>
    </r>
    <r>
      <rPr>
        <sz val="16"/>
        <rFont val="ＭＳ Ｐゴシック"/>
        <family val="3"/>
        <charset val="128"/>
      </rPr>
      <t>、</t>
    </r>
    <r>
      <rPr>
        <sz val="16"/>
        <rFont val="Arial"/>
        <family val="2"/>
      </rPr>
      <t>14:00-18:00</t>
    </r>
    <phoneticPr fontId="6"/>
  </si>
  <si>
    <r>
      <rPr>
        <sz val="16"/>
        <rFont val="ＭＳ Ｐゴシック"/>
        <family val="3"/>
        <charset val="128"/>
      </rPr>
      <t>（月</t>
    </r>
    <r>
      <rPr>
        <sz val="16"/>
        <rFont val="Arial"/>
        <family val="2"/>
      </rPr>
      <t>-</t>
    </r>
    <r>
      <rPr>
        <sz val="16"/>
        <rFont val="ＭＳ Ｐゴシック"/>
        <family val="2"/>
        <charset val="128"/>
      </rPr>
      <t>土）</t>
    </r>
    <r>
      <rPr>
        <sz val="16"/>
        <rFont val="Arial"/>
        <family val="2"/>
      </rPr>
      <t>9:00-12:00</t>
    </r>
    <r>
      <rPr>
        <sz val="16"/>
        <rFont val="ＭＳ Ｐゴシック"/>
        <family val="3"/>
        <charset val="128"/>
      </rPr>
      <t>、</t>
    </r>
    <r>
      <rPr>
        <sz val="16"/>
        <rFont val="Arial"/>
        <family val="2"/>
      </rPr>
      <t xml:space="preserve">14:00-17:30
</t>
    </r>
    <r>
      <rPr>
        <sz val="16"/>
        <rFont val="ＭＳ Ｐゴシック"/>
        <family val="3"/>
        <charset val="128"/>
      </rPr>
      <t>（土日・祝日）9</t>
    </r>
    <r>
      <rPr>
        <sz val="16"/>
        <rFont val="Arial"/>
        <family val="2"/>
      </rPr>
      <t>:00-12:00</t>
    </r>
    <rPh sb="3" eb="4">
      <t>ド</t>
    </rPh>
    <rPh sb="29" eb="31">
      <t>ドニチ</t>
    </rPh>
    <rPh sb="32" eb="34">
      <t>シュクジツ</t>
    </rPh>
    <phoneticPr fontId="6"/>
  </si>
  <si>
    <r>
      <rPr>
        <sz val="16"/>
        <rFont val="ＭＳ Ｐゴシック"/>
        <family val="3"/>
        <charset val="128"/>
        <scheme val="minor"/>
      </rPr>
      <t>医師</t>
    </r>
    <r>
      <rPr>
        <sz val="20"/>
        <color theme="1"/>
        <rFont val="游ゴシック"/>
        <family val="3"/>
        <charset val="128"/>
      </rPr>
      <t/>
    </r>
    <rPh sb="0" eb="2">
      <t>イシ</t>
    </rPh>
    <phoneticPr fontId="1"/>
  </si>
  <si>
    <r>
      <rPr>
        <sz val="16"/>
        <rFont val="ＭＳ Ｐゴシック"/>
        <family val="3"/>
        <charset val="128"/>
      </rPr>
      <t>（月</t>
    </r>
    <r>
      <rPr>
        <sz val="16"/>
        <rFont val="Arial"/>
        <family val="2"/>
      </rPr>
      <t>-</t>
    </r>
    <r>
      <rPr>
        <sz val="16"/>
        <rFont val="ＭＳ Ｐゴシック"/>
        <family val="2"/>
        <charset val="128"/>
      </rPr>
      <t>土）</t>
    </r>
    <r>
      <rPr>
        <sz val="16"/>
        <rFont val="Arial"/>
        <family val="2"/>
      </rPr>
      <t>9:00-12:00</t>
    </r>
    <r>
      <rPr>
        <sz val="16"/>
        <rFont val="ＭＳ Ｐゴシック"/>
        <family val="3"/>
        <charset val="128"/>
      </rPr>
      <t>、</t>
    </r>
    <r>
      <rPr>
        <sz val="16"/>
        <rFont val="Arial"/>
        <family val="2"/>
      </rPr>
      <t xml:space="preserve">14:00-18:00
</t>
    </r>
    <r>
      <rPr>
        <sz val="16"/>
        <rFont val="ＭＳ Ｐゴシック"/>
        <family val="3"/>
        <charset val="128"/>
      </rPr>
      <t>（土日・祝日）</t>
    </r>
    <r>
      <rPr>
        <sz val="16"/>
        <rFont val="Arial"/>
        <family val="2"/>
      </rPr>
      <t>9:00-14:00</t>
    </r>
    <rPh sb="3" eb="4">
      <t>ド</t>
    </rPh>
    <rPh sb="30" eb="32">
      <t>ドニチ</t>
    </rPh>
    <rPh sb="33" eb="35">
      <t>シュクジツ</t>
    </rPh>
    <phoneticPr fontId="6"/>
  </si>
  <si>
    <t xml:space="preserve">腎臓内科/糖尿病内分泌内科/心身医療科/脳神経内科/呼吸器内科/消化器内科/循環器内科/膠原病内科・リウマチ内科/小児科/外科/整形外科/形成外科/がん検診科/緩和ケア科/脳神経外科/呼吸器外科/心臓血管外科/皮膚科/泌尿器科/産婦人科/眼科/耳鼻咽喉科・頭頸部外科/リハビリテーション科/放射線科/病理診断科/救急科/麻酔科/臨床検査科/総合診療・感染症科
</t>
    <rPh sb="14" eb="18">
      <t>シンシンイリョウ</t>
    </rPh>
    <rPh sb="18" eb="19">
      <t>カ</t>
    </rPh>
    <rPh sb="20" eb="23">
      <t>ノウシンケイ</t>
    </rPh>
    <rPh sb="23" eb="25">
      <t>ナイカ</t>
    </rPh>
    <rPh sb="26" eb="29">
      <t>コキュウキ</t>
    </rPh>
    <rPh sb="29" eb="31">
      <t>ナイカ</t>
    </rPh>
    <rPh sb="32" eb="35">
      <t>ショウカキ</t>
    </rPh>
    <rPh sb="35" eb="37">
      <t>ナイカ</t>
    </rPh>
    <rPh sb="38" eb="41">
      <t>ジュンカンキ</t>
    </rPh>
    <rPh sb="41" eb="43">
      <t>ナイカ</t>
    </rPh>
    <rPh sb="44" eb="47">
      <t>コウゲンビョウ</t>
    </rPh>
    <rPh sb="47" eb="49">
      <t>ナイカ</t>
    </rPh>
    <rPh sb="54" eb="56">
      <t>ナイカ</t>
    </rPh>
    <rPh sb="57" eb="60">
      <t>ショウニカ</t>
    </rPh>
    <rPh sb="61" eb="63">
      <t>ゲカ</t>
    </rPh>
    <rPh sb="64" eb="66">
      <t>セイケイ</t>
    </rPh>
    <rPh sb="66" eb="68">
      <t>ゲカ</t>
    </rPh>
    <rPh sb="69" eb="71">
      <t>ケイセイ</t>
    </rPh>
    <rPh sb="71" eb="73">
      <t>ゲカ</t>
    </rPh>
    <rPh sb="76" eb="78">
      <t>ケンシン</t>
    </rPh>
    <rPh sb="78" eb="79">
      <t>カ</t>
    </rPh>
    <rPh sb="80" eb="82">
      <t>カンワ</t>
    </rPh>
    <rPh sb="84" eb="85">
      <t>カ</t>
    </rPh>
    <rPh sb="86" eb="89">
      <t>ノウシンケイ</t>
    </rPh>
    <rPh sb="89" eb="91">
      <t>ゲカ</t>
    </rPh>
    <rPh sb="92" eb="95">
      <t>コキュウキ</t>
    </rPh>
    <rPh sb="95" eb="97">
      <t>ゲカ</t>
    </rPh>
    <rPh sb="98" eb="100">
      <t>シンゾウ</t>
    </rPh>
    <rPh sb="100" eb="102">
      <t>ケッカン</t>
    </rPh>
    <rPh sb="102" eb="104">
      <t>ゲカ</t>
    </rPh>
    <rPh sb="105" eb="108">
      <t>ヒフカ</t>
    </rPh>
    <rPh sb="109" eb="112">
      <t>ヒニョウキ</t>
    </rPh>
    <rPh sb="112" eb="113">
      <t>カ</t>
    </rPh>
    <rPh sb="114" eb="118">
      <t>サンフジンカ</t>
    </rPh>
    <rPh sb="119" eb="121">
      <t>ガンカ</t>
    </rPh>
    <rPh sb="122" eb="126">
      <t>ジビインコウ</t>
    </rPh>
    <rPh sb="126" eb="127">
      <t>カ</t>
    </rPh>
    <rPh sb="128" eb="131">
      <t>トウケイブ</t>
    </rPh>
    <rPh sb="131" eb="133">
      <t>ゲカ</t>
    </rPh>
    <rPh sb="143" eb="144">
      <t>カ</t>
    </rPh>
    <rPh sb="145" eb="147">
      <t>ホウシャ</t>
    </rPh>
    <rPh sb="147" eb="148">
      <t>セン</t>
    </rPh>
    <rPh sb="148" eb="149">
      <t>カ</t>
    </rPh>
    <rPh sb="150" eb="154">
      <t>ビョウリシンダン</t>
    </rPh>
    <rPh sb="154" eb="155">
      <t>カ</t>
    </rPh>
    <rPh sb="156" eb="158">
      <t>キュウキュウ</t>
    </rPh>
    <rPh sb="158" eb="159">
      <t>カ</t>
    </rPh>
    <rPh sb="160" eb="163">
      <t>マスイカ</t>
    </rPh>
    <rPh sb="164" eb="166">
      <t>リンショウ</t>
    </rPh>
    <rPh sb="166" eb="169">
      <t>ケンサカ</t>
    </rPh>
    <rPh sb="170" eb="172">
      <t>ソウゴウ</t>
    </rPh>
    <rPh sb="172" eb="174">
      <t>シンリョウ</t>
    </rPh>
    <rPh sb="175" eb="178">
      <t>カンセンショウ</t>
    </rPh>
    <rPh sb="178" eb="179">
      <t>カ</t>
    </rPh>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2"/>
      <color theme="1"/>
      <name val="ＭＳ 明朝"/>
      <family val="2"/>
      <charset val="128"/>
    </font>
    <font>
      <sz val="18"/>
      <color theme="3"/>
      <name val="ＭＳ Ｐゴシック"/>
      <family val="2"/>
      <charset val="128"/>
      <scheme val="major"/>
    </font>
    <font>
      <sz val="11"/>
      <color theme="1"/>
      <name val="ＭＳ Ｐゴシック"/>
      <family val="2"/>
      <charset val="128"/>
      <scheme val="minor"/>
    </font>
    <font>
      <sz val="12"/>
      <color theme="1"/>
      <name val="ＭＳ Ｐゴシック"/>
      <family val="3"/>
      <charset val="128"/>
    </font>
    <font>
      <sz val="6"/>
      <name val="ＭＳ 明朝"/>
      <family val="2"/>
      <charset val="128"/>
    </font>
    <font>
      <sz val="11"/>
      <color theme="1"/>
      <name val="ＭＳ Ｐゴシック"/>
      <family val="3"/>
      <charset val="128"/>
      <scheme val="minor"/>
    </font>
    <font>
      <sz val="6"/>
      <name val="游ゴシック"/>
      <family val="3"/>
      <charset val="128"/>
    </font>
    <font>
      <sz val="20"/>
      <color indexed="10"/>
      <name val="メイリオ"/>
      <family val="3"/>
      <charset val="128"/>
    </font>
    <font>
      <sz val="6"/>
      <name val="ＭＳ Ｐゴシック"/>
      <family val="2"/>
      <charset val="128"/>
      <scheme val="minor"/>
    </font>
    <font>
      <sz val="11"/>
      <color indexed="8"/>
      <name val="游ゴシック"/>
      <family val="3"/>
      <charset val="128"/>
    </font>
    <font>
      <sz val="12"/>
      <name val="ＭＳ Ｐゴシック"/>
      <family val="3"/>
      <charset val="128"/>
    </font>
    <font>
      <strike/>
      <sz val="12"/>
      <color rgb="FFFF0000"/>
      <name val="ＭＳ Ｐゴシック"/>
      <family val="3"/>
      <charset val="128"/>
    </font>
    <font>
      <u/>
      <sz val="12"/>
      <color theme="10"/>
      <name val="ＭＳ 明朝"/>
      <family val="2"/>
      <charset val="128"/>
    </font>
    <font>
      <sz val="12"/>
      <color theme="1"/>
      <name val="游ゴシック"/>
      <family val="3"/>
      <charset val="128"/>
    </font>
    <font>
      <sz val="11"/>
      <color theme="1"/>
      <name val="游ゴシック"/>
      <family val="3"/>
      <charset val="128"/>
    </font>
    <font>
      <sz val="14"/>
      <color theme="1"/>
      <name val="游ゴシック"/>
      <family val="3"/>
      <charset val="128"/>
    </font>
    <font>
      <b/>
      <sz val="14"/>
      <color rgb="FFFF0000"/>
      <name val="游ゴシック"/>
      <family val="3"/>
      <charset val="128"/>
    </font>
    <font>
      <b/>
      <sz val="18"/>
      <color theme="1"/>
      <name val="游ゴシック"/>
      <family val="3"/>
      <charset val="128"/>
    </font>
    <font>
      <sz val="16"/>
      <color theme="1"/>
      <name val="游ゴシック"/>
      <family val="3"/>
      <charset val="128"/>
    </font>
    <font>
      <b/>
      <sz val="16"/>
      <color theme="1"/>
      <name val="游ゴシック"/>
      <family val="3"/>
      <charset val="128"/>
    </font>
    <font>
      <u/>
      <sz val="12"/>
      <color theme="11"/>
      <name val="ＭＳ 明朝"/>
      <family val="2"/>
      <charset val="128"/>
    </font>
    <font>
      <sz val="16"/>
      <name val="ＭＳ Ｐゴシック"/>
      <family val="3"/>
      <charset val="128"/>
    </font>
    <font>
      <sz val="20"/>
      <color theme="1"/>
      <name val="ＭＳ Ｐゴシック"/>
      <family val="3"/>
      <charset val="128"/>
    </font>
    <font>
      <sz val="20"/>
      <color theme="1"/>
      <name val="游ゴシック"/>
      <family val="3"/>
      <charset val="128"/>
    </font>
    <font>
      <sz val="12"/>
      <color theme="1"/>
      <name val="ＭＳ 明朝"/>
      <family val="2"/>
      <charset val="128"/>
    </font>
    <font>
      <sz val="16"/>
      <name val="游ゴシック"/>
      <family val="3"/>
      <charset val="128"/>
    </font>
    <font>
      <sz val="18"/>
      <name val="ＭＳ Ｐゴシック"/>
      <family val="3"/>
      <charset val="128"/>
    </font>
    <font>
      <sz val="16"/>
      <name val="Arial"/>
      <family val="2"/>
    </font>
    <font>
      <u/>
      <sz val="12"/>
      <name val="ＭＳ 明朝"/>
      <family val="2"/>
      <charset val="128"/>
    </font>
    <font>
      <sz val="16"/>
      <name val="ＭＳ Ｐゴシック"/>
      <family val="2"/>
      <charset val="128"/>
    </font>
    <font>
      <sz val="16"/>
      <name val="ＭＳ Ｐゴシック"/>
      <family val="3"/>
      <charset val="128"/>
      <scheme val="minor"/>
    </font>
    <font>
      <sz val="20"/>
      <name val="ＭＳ Ｐゴシック"/>
      <family val="3"/>
      <charset val="128"/>
      <scheme val="minor"/>
    </font>
  </fonts>
  <fills count="5">
    <fill>
      <patternFill patternType="none"/>
    </fill>
    <fill>
      <patternFill patternType="gray125"/>
    </fill>
    <fill>
      <patternFill patternType="solid">
        <fgColor theme="9" tint="0.79998168889431442"/>
        <bgColor indexed="64"/>
      </patternFill>
    </fill>
    <fill>
      <patternFill patternType="solid">
        <fgColor rgb="FFFFCCFF"/>
        <bgColor indexed="64"/>
      </patternFill>
    </fill>
    <fill>
      <patternFill patternType="solid">
        <fgColor rgb="FFCCECFF"/>
        <bgColor indexed="64"/>
      </patternFill>
    </fill>
  </fills>
  <borders count="8">
    <border>
      <left/>
      <right/>
      <top/>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auto="1"/>
      </right>
      <top style="thin">
        <color auto="1"/>
      </top>
      <bottom/>
      <diagonal/>
    </border>
    <border>
      <left style="medium">
        <color indexed="64"/>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s>
  <cellStyleXfs count="4">
    <xf numFmtId="0" fontId="0" fillId="0" borderId="0">
      <alignment vertical="center"/>
    </xf>
    <xf numFmtId="0" fontId="2" fillId="0" borderId="0">
      <alignment vertical="center"/>
    </xf>
    <xf numFmtId="0" fontId="5" fillId="0" borderId="0">
      <alignment vertical="center"/>
    </xf>
    <xf numFmtId="0" fontId="12" fillId="0" borderId="0" applyNumberFormat="0" applyFill="0" applyBorder="0" applyAlignment="0" applyProtection="0">
      <alignment vertical="center"/>
    </xf>
  </cellStyleXfs>
  <cellXfs count="46">
    <xf numFmtId="0" fontId="0" fillId="0" borderId="0" xfId="0">
      <alignment vertical="center"/>
    </xf>
    <xf numFmtId="0" fontId="13" fillId="0" borderId="0" xfId="2" applyFont="1" applyFill="1" applyBorder="1" applyAlignment="1" applyProtection="1">
      <alignment vertical="center"/>
      <protection locked="0"/>
    </xf>
    <xf numFmtId="0" fontId="13" fillId="0" borderId="0" xfId="1" applyFont="1" applyFill="1" applyProtection="1">
      <alignment vertical="center"/>
      <protection locked="0"/>
    </xf>
    <xf numFmtId="0" fontId="14" fillId="0" borderId="0" xfId="1" applyFont="1" applyFill="1" applyProtection="1">
      <alignment vertical="center"/>
      <protection locked="0"/>
    </xf>
    <xf numFmtId="0" fontId="15" fillId="0" borderId="0" xfId="1" applyFont="1" applyFill="1" applyProtection="1">
      <alignment vertical="center"/>
      <protection locked="0"/>
    </xf>
    <xf numFmtId="0" fontId="15" fillId="0" borderId="0" xfId="1" applyFont="1" applyFill="1" applyAlignment="1" applyProtection="1">
      <alignment vertical="center" wrapText="1"/>
      <protection locked="0"/>
    </xf>
    <xf numFmtId="0" fontId="16" fillId="0" borderId="0" xfId="1" applyFont="1" applyFill="1" applyAlignment="1" applyProtection="1">
      <alignment vertical="center" wrapText="1"/>
      <protection locked="0"/>
    </xf>
    <xf numFmtId="0" fontId="15" fillId="0" borderId="0" xfId="2" applyFont="1" applyFill="1" applyBorder="1" applyAlignment="1" applyProtection="1">
      <alignment vertical="center"/>
      <protection locked="0"/>
    </xf>
    <xf numFmtId="0" fontId="15" fillId="0" borderId="0" xfId="2" applyFont="1" applyFill="1" applyBorder="1" applyAlignment="1" applyProtection="1">
      <alignment vertical="center" wrapText="1"/>
      <protection locked="0"/>
    </xf>
    <xf numFmtId="0" fontId="17" fillId="0" borderId="0" xfId="1" applyFont="1" applyFill="1" applyProtection="1">
      <alignment vertical="center"/>
      <protection locked="0"/>
    </xf>
    <xf numFmtId="0" fontId="17" fillId="0" borderId="0" xfId="1" applyFont="1" applyFill="1" applyAlignment="1" applyProtection="1">
      <alignment vertical="center" wrapText="1"/>
      <protection locked="0"/>
    </xf>
    <xf numFmtId="0" fontId="18" fillId="0" borderId="0" xfId="2" applyFont="1" applyFill="1" applyBorder="1" applyAlignment="1" applyProtection="1">
      <alignment vertical="center"/>
      <protection locked="0"/>
    </xf>
    <xf numFmtId="0" fontId="18" fillId="0" borderId="0" xfId="1" applyFont="1" applyFill="1" applyProtection="1">
      <alignment vertical="center"/>
      <protection locked="0"/>
    </xf>
    <xf numFmtId="0" fontId="17" fillId="2" borderId="1" xfId="2" applyFont="1" applyFill="1" applyBorder="1" applyAlignment="1" applyProtection="1">
      <alignment horizontal="center" vertical="center" wrapText="1"/>
      <protection locked="0"/>
    </xf>
    <xf numFmtId="0" fontId="17" fillId="2" borderId="1" xfId="2" applyFont="1" applyFill="1" applyBorder="1" applyAlignment="1" applyProtection="1">
      <alignment horizontal="center" vertical="center"/>
      <protection locked="0"/>
    </xf>
    <xf numFmtId="0" fontId="17" fillId="0" borderId="0" xfId="2" applyFont="1" applyFill="1" applyBorder="1" applyAlignment="1" applyProtection="1">
      <alignment horizontal="center" vertical="center" wrapText="1"/>
      <protection locked="0"/>
    </xf>
    <xf numFmtId="0" fontId="19" fillId="0" borderId="0" xfId="1" applyFont="1" applyFill="1" applyProtection="1">
      <alignment vertical="center"/>
      <protection locked="0"/>
    </xf>
    <xf numFmtId="0" fontId="19" fillId="0" borderId="0" xfId="1" applyFont="1" applyFill="1" applyAlignment="1" applyProtection="1">
      <alignment vertical="center" wrapText="1"/>
      <protection locked="0"/>
    </xf>
    <xf numFmtId="0" fontId="19" fillId="3" borderId="2" xfId="1" applyFont="1" applyFill="1" applyBorder="1" applyAlignment="1" applyProtection="1">
      <alignment horizontal="center" vertical="center" wrapText="1"/>
      <protection locked="0"/>
    </xf>
    <xf numFmtId="0" fontId="19" fillId="3" borderId="1" xfId="1" applyFont="1" applyFill="1" applyBorder="1" applyAlignment="1" applyProtection="1">
      <alignment horizontal="center" vertical="center" wrapText="1"/>
      <protection locked="0"/>
    </xf>
    <xf numFmtId="0" fontId="18" fillId="0" borderId="0" xfId="1" applyFont="1" applyFill="1" applyAlignment="1" applyProtection="1">
      <alignment vertical="center"/>
      <protection locked="0"/>
    </xf>
    <xf numFmtId="0" fontId="19" fillId="4" borderId="5" xfId="1" applyFont="1" applyFill="1" applyBorder="1" applyAlignment="1" applyProtection="1">
      <alignment horizontal="center" vertical="center" wrapText="1"/>
      <protection locked="0"/>
    </xf>
    <xf numFmtId="0" fontId="19" fillId="4" borderId="3" xfId="1" applyFont="1" applyFill="1" applyBorder="1" applyAlignment="1" applyProtection="1">
      <alignment horizontal="center" vertical="center" wrapText="1"/>
      <protection locked="0"/>
    </xf>
    <xf numFmtId="0" fontId="19" fillId="0" borderId="6" xfId="1" applyFont="1" applyFill="1" applyBorder="1" applyAlignment="1" applyProtection="1">
      <alignment horizontal="center" vertical="center" wrapText="1"/>
      <protection locked="0"/>
    </xf>
    <xf numFmtId="0" fontId="19" fillId="0" borderId="7" xfId="1" applyFont="1" applyFill="1" applyBorder="1" applyAlignment="1" applyProtection="1">
      <alignment horizontal="center" vertical="center" wrapText="1"/>
      <protection locked="0"/>
    </xf>
    <xf numFmtId="0" fontId="18" fillId="0" borderId="0" xfId="1" applyFont="1" applyFill="1" applyAlignment="1" applyProtection="1">
      <alignment vertical="center" wrapText="1"/>
      <protection locked="0"/>
    </xf>
    <xf numFmtId="0" fontId="17" fillId="0" borderId="0" xfId="1" applyFont="1" applyFill="1" applyAlignment="1" applyProtection="1">
      <alignment vertical="center"/>
      <protection locked="0"/>
    </xf>
    <xf numFmtId="0" fontId="19" fillId="0" borderId="0" xfId="1" applyFont="1" applyFill="1" applyAlignment="1" applyProtection="1">
      <alignment vertical="center"/>
      <protection locked="0"/>
    </xf>
    <xf numFmtId="0" fontId="15" fillId="0" borderId="0" xfId="1" applyFont="1" applyFill="1" applyAlignment="1" applyProtection="1">
      <alignment vertical="center"/>
      <protection locked="0"/>
    </xf>
    <xf numFmtId="0" fontId="18" fillId="0" borderId="3" xfId="1" applyFont="1" applyFill="1" applyBorder="1" applyAlignment="1" applyProtection="1">
      <alignment horizontal="center" vertical="center" wrapText="1"/>
      <protection locked="0"/>
    </xf>
    <xf numFmtId="0" fontId="18" fillId="0" borderId="4" xfId="1" applyFont="1" applyFill="1" applyBorder="1" applyAlignment="1" applyProtection="1">
      <alignment horizontal="center" vertical="center" wrapText="1"/>
      <protection locked="0"/>
    </xf>
    <xf numFmtId="0" fontId="10" fillId="0" borderId="1" xfId="2" applyFont="1" applyFill="1" applyBorder="1">
      <alignment vertical="center"/>
    </xf>
    <xf numFmtId="0" fontId="10" fillId="0" borderId="1" xfId="2" applyFont="1" applyFill="1" applyBorder="1" applyAlignment="1">
      <alignment vertical="center" wrapText="1"/>
    </xf>
    <xf numFmtId="0" fontId="25" fillId="0" borderId="1" xfId="2" applyFont="1" applyFill="1" applyBorder="1" applyAlignment="1" applyProtection="1">
      <alignment vertical="center"/>
      <protection locked="0"/>
    </xf>
    <xf numFmtId="0" fontId="25" fillId="0" borderId="1" xfId="2" applyFont="1" applyFill="1" applyBorder="1" applyAlignment="1" applyProtection="1">
      <alignment vertical="center" wrapText="1"/>
      <protection locked="0"/>
    </xf>
    <xf numFmtId="0" fontId="25" fillId="0" borderId="1" xfId="2" applyFont="1" applyFill="1" applyBorder="1" applyAlignment="1" applyProtection="1">
      <alignment horizontal="left" vertical="center" wrapText="1"/>
      <protection locked="0"/>
    </xf>
    <xf numFmtId="0" fontId="25" fillId="0" borderId="0" xfId="0" applyFont="1" applyFill="1" applyAlignment="1">
      <alignment vertical="center" wrapText="1"/>
    </xf>
    <xf numFmtId="0" fontId="26" fillId="0" borderId="1" xfId="2" applyFont="1" applyFill="1" applyBorder="1" applyAlignment="1">
      <alignment vertical="center" wrapText="1"/>
    </xf>
    <xf numFmtId="0" fontId="21" fillId="0" borderId="1" xfId="2" applyFont="1" applyFill="1" applyBorder="1" applyAlignment="1">
      <alignment vertical="center" wrapText="1"/>
    </xf>
    <xf numFmtId="0" fontId="25" fillId="0" borderId="1" xfId="1" applyFont="1" applyFill="1" applyBorder="1" applyAlignment="1" applyProtection="1">
      <alignment vertical="center" wrapText="1"/>
      <protection locked="0"/>
    </xf>
    <xf numFmtId="49" fontId="25" fillId="0" borderId="1" xfId="2" applyNumberFormat="1" applyFont="1" applyFill="1" applyBorder="1" applyAlignment="1" applyProtection="1">
      <alignment vertical="center"/>
      <protection locked="0"/>
    </xf>
    <xf numFmtId="0" fontId="28" fillId="0" borderId="1" xfId="3" applyFont="1" applyFill="1" applyBorder="1" applyAlignment="1" applyProtection="1">
      <alignment vertical="center" wrapText="1"/>
      <protection locked="0"/>
    </xf>
    <xf numFmtId="0" fontId="25" fillId="0" borderId="1" xfId="0" applyFont="1" applyFill="1" applyBorder="1" applyAlignment="1" applyProtection="1">
      <alignment vertical="center" wrapText="1"/>
      <protection locked="0"/>
    </xf>
    <xf numFmtId="0" fontId="31" fillId="0" borderId="1" xfId="0" applyFont="1" applyFill="1" applyBorder="1" applyAlignment="1">
      <alignment horizontal="left" vertical="top" wrapText="1"/>
    </xf>
    <xf numFmtId="0" fontId="25" fillId="0" borderId="4" xfId="2" applyFont="1" applyFill="1" applyBorder="1" applyAlignment="1" applyProtection="1">
      <alignment vertical="center" wrapText="1"/>
      <protection locked="0"/>
    </xf>
    <xf numFmtId="0" fontId="25" fillId="0" borderId="1" xfId="3" applyFont="1" applyFill="1" applyBorder="1" applyAlignment="1" applyProtection="1">
      <alignment vertical="center" wrapText="1"/>
      <protection locked="0"/>
    </xf>
  </cellXfs>
  <cellStyles count="4">
    <cellStyle name="ハイパーリンク" xfId="3" builtinId="8"/>
    <cellStyle name="標準" xfId="0" builtinId="0"/>
    <cellStyle name="標準 2 3 2" xfId="2"/>
    <cellStyle name="標準 3 2" xfId="1"/>
  </cellStyles>
  <dxfs count="0"/>
  <tableStyles count="0" defaultTableStyle="TableStyleMedium2" defaultPivotStyle="PivotStyleLight16"/>
  <colors>
    <mruColors>
      <color rgb="FFCCEC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tmp"/></Relationships>
</file>

<file path=xl/drawings/drawing1.xml><?xml version="1.0" encoding="utf-8"?>
<xdr:wsDr xmlns:xdr="http://schemas.openxmlformats.org/drawingml/2006/spreadsheetDrawing" xmlns:a="http://schemas.openxmlformats.org/drawingml/2006/main">
  <xdr:twoCellAnchor editAs="oneCell">
    <xdr:from>
      <xdr:col>0</xdr:col>
      <xdr:colOff>323850</xdr:colOff>
      <xdr:row>1</xdr:row>
      <xdr:rowOff>57150</xdr:rowOff>
    </xdr:from>
    <xdr:to>
      <xdr:col>12</xdr:col>
      <xdr:colOff>525052</xdr:colOff>
      <xdr:row>16</xdr:row>
      <xdr:rowOff>48122</xdr:rowOff>
    </xdr:to>
    <xdr:pic>
      <xdr:nvPicPr>
        <xdr:cNvPr id="2" name="図 1" descr="画面の領域">
          <a:extLst>
            <a:ext uri="{FF2B5EF4-FFF2-40B4-BE49-F238E27FC236}">
              <a16:creationId xmlns:a16="http://schemas.microsoft.com/office/drawing/2014/main" id="{00000000-0008-0000-0000-000004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323850" y="234950"/>
          <a:ext cx="8126002" cy="2657972"/>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5.41.244\disk1\&#32207;&#21209;&#35506;\&#9733;&#22269;&#38555;&#23637;&#38283;\2.%20&#12452;&#12531;&#12496;&#12454;&#12531;&#12489;\2.6_&#21307;&#30274;&#27231;&#38306;&#12398;&#25972;&#20633;&#12300;&#22806;&#22269;&#20154;&#24739;&#32773;&#12434;&#21463;&#20837;&#12427;&#25312;&#28857;&#30340;&#12394;&#21307;&#30274;&#27231;&#38306;&#12301;&#12300;&#22806;&#22269;&#20154;&#24739;&#32773;&#21463;&#20837;&#20307;&#21046;&#12364;&#25972;&#20633;&#12373;&#12428;&#12383;&#21307;&#30274;&#27231;&#38306;&#12301;\1.%20&#12300;&#22806;&#22269;&#20154;&#24739;&#32773;&#12434;&#21463;&#20837;&#12427;&#25312;&#28857;&#30340;&#12394;&#21307;&#30274;&#27231;&#38306;&#12301;\&#37117;&#36947;&#24220;&#30476;&#22238;&#31572;\46&#40575;&#20816;&#23798;_&#65288;&#40575;&#20816;&#23798;&#30476;&#65289;&#37117;&#36947;&#24220;&#30476;&#22238;&#31572;&#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コード"/>
    </sheetNames>
    <sheetDataSet>
      <sheetData sheetId="0"/>
      <sheetData sheetId="1">
        <row r="1">
          <cell r="A1" t="str">
            <v>北海道01</v>
          </cell>
          <cell r="B1" t="str">
            <v>青森県02</v>
          </cell>
          <cell r="C1" t="str">
            <v>岩手県03</v>
          </cell>
          <cell r="D1" t="str">
            <v>宮城県04</v>
          </cell>
          <cell r="E1" t="str">
            <v>秋田県05</v>
          </cell>
          <cell r="F1" t="str">
            <v>山形県06</v>
          </cell>
          <cell r="G1" t="str">
            <v>福島県07</v>
          </cell>
          <cell r="H1" t="str">
            <v>茨城県08</v>
          </cell>
          <cell r="I1" t="str">
            <v>栃木県09</v>
          </cell>
          <cell r="J1" t="str">
            <v>群馬県10</v>
          </cell>
          <cell r="K1" t="str">
            <v>埼玉県11</v>
          </cell>
          <cell r="L1" t="str">
            <v>千葉県12</v>
          </cell>
          <cell r="M1" t="str">
            <v>東京都13</v>
          </cell>
          <cell r="N1" t="str">
            <v>神奈川県14</v>
          </cell>
          <cell r="O1" t="str">
            <v>新潟県15</v>
          </cell>
          <cell r="P1" t="str">
            <v>富山県16</v>
          </cell>
          <cell r="Q1" t="str">
            <v>石川県17</v>
          </cell>
          <cell r="R1" t="str">
            <v>福井県18</v>
          </cell>
          <cell r="S1" t="str">
            <v>山梨県19</v>
          </cell>
          <cell r="T1" t="str">
            <v>長野県20</v>
          </cell>
          <cell r="U1" t="str">
            <v>岐阜県21</v>
          </cell>
          <cell r="V1" t="str">
            <v>静岡県22</v>
          </cell>
          <cell r="W1" t="str">
            <v>愛知県23</v>
          </cell>
          <cell r="X1" t="str">
            <v>三重県24</v>
          </cell>
          <cell r="Y1" t="str">
            <v>滋賀県25</v>
          </cell>
          <cell r="Z1" t="str">
            <v>京都府26</v>
          </cell>
          <cell r="AA1" t="str">
            <v>大阪府27</v>
          </cell>
          <cell r="AB1" t="str">
            <v>兵庫県28</v>
          </cell>
          <cell r="AC1" t="str">
            <v>奈良県29</v>
          </cell>
          <cell r="AD1" t="str">
            <v>和歌山県30</v>
          </cell>
          <cell r="AE1" t="str">
            <v>鳥取県31</v>
          </cell>
          <cell r="AF1" t="str">
            <v>島根県32</v>
          </cell>
          <cell r="AG1" t="str">
            <v>岡山県33</v>
          </cell>
          <cell r="AH1" t="str">
            <v>広島県34</v>
          </cell>
          <cell r="AI1" t="str">
            <v>山口県35</v>
          </cell>
          <cell r="AJ1" t="str">
            <v>徳島県36</v>
          </cell>
          <cell r="AK1" t="str">
            <v>香川県37</v>
          </cell>
          <cell r="AL1" t="str">
            <v>愛媛県38</v>
          </cell>
          <cell r="AM1" t="str">
            <v>高知県39</v>
          </cell>
          <cell r="AN1" t="str">
            <v>福岡県40</v>
          </cell>
          <cell r="AO1" t="str">
            <v>佐賀県41</v>
          </cell>
          <cell r="AP1" t="str">
            <v>長崎県42</v>
          </cell>
          <cell r="AQ1" t="str">
            <v>熊本県43</v>
          </cell>
          <cell r="AR1" t="str">
            <v>大分県44</v>
          </cell>
          <cell r="AS1" t="str">
            <v>宮崎県45</v>
          </cell>
          <cell r="AT1" t="str">
            <v>鹿児島県46</v>
          </cell>
          <cell r="AU1" t="str">
            <v>沖縄県47</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s://seibu.marianna-u.ac.jp/" TargetMode="External"/><Relationship Id="rId13" Type="http://schemas.openxmlformats.org/officeDocument/2006/relationships/hyperlink" Target="https://www.sagamiharahp.com/" TargetMode="External"/><Relationship Id="rId3" Type="http://schemas.openxmlformats.org/officeDocument/2006/relationships/hyperlink" Target="http://www.kdu.ac.jp/hospital/" TargetMode="External"/><Relationship Id="rId7" Type="http://schemas.openxmlformats.org/officeDocument/2006/relationships/hyperlink" Target="http://dr-okamoto.com/" TargetMode="External"/><Relationship Id="rId12" Type="http://schemas.openxmlformats.org/officeDocument/2006/relationships/hyperlink" Target="https://www6.bausch.co.jp/clinic/v0466437886/&#65288;&#26085;&#26412;&#35486;&#65289;" TargetMode="External"/><Relationship Id="rId2" Type="http://schemas.openxmlformats.org/officeDocument/2006/relationships/hyperlink" Target="http://www.izumi-hinyouki.jp/" TargetMode="External"/><Relationship Id="rId16" Type="http://schemas.openxmlformats.org/officeDocument/2006/relationships/printerSettings" Target="../printerSettings/printerSettings1.bin"/><Relationship Id="rId1" Type="http://schemas.openxmlformats.org/officeDocument/2006/relationships/hyperlink" Target="https://www.tsurumi-u.ac.jp/site/dental-hospital/" TargetMode="External"/><Relationship Id="rId6" Type="http://schemas.openxmlformats.org/officeDocument/2006/relationships/hyperlink" Target="https://www.jin-dc.com/" TargetMode="External"/><Relationship Id="rId11" Type="http://schemas.openxmlformats.org/officeDocument/2006/relationships/hyperlink" Target="https://www.ebina-keikanclinic.jp/" TargetMode="External"/><Relationship Id="rId5" Type="http://schemas.openxmlformats.org/officeDocument/2006/relationships/hyperlink" Target="http://www.honmoku-hospital.or.jp/" TargetMode="External"/><Relationship Id="rId15" Type="http://schemas.openxmlformats.org/officeDocument/2006/relationships/hyperlink" Target="http://okabayashi.pupu.jp/" TargetMode="External"/><Relationship Id="rId10" Type="http://schemas.openxmlformats.org/officeDocument/2006/relationships/hyperlink" Target="https://e-heartclinic.com/" TargetMode="External"/><Relationship Id="rId4" Type="http://schemas.openxmlformats.org/officeDocument/2006/relationships/hyperlink" Target="https://byoinnavi.jp/clinic/29831" TargetMode="External"/><Relationship Id="rId9" Type="http://schemas.openxmlformats.org/officeDocument/2006/relationships/hyperlink" Target="http://tohoclinic.com/" TargetMode="External"/><Relationship Id="rId14" Type="http://schemas.openxmlformats.org/officeDocument/2006/relationships/hyperlink" Target="https://www.yokohama-kodomo.jp/" TargetMode="Externa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O288"/>
  <sheetViews>
    <sheetView showGridLines="0" tabSelected="1" view="pageBreakPreview" zoomScale="40" zoomScaleNormal="10" zoomScaleSheetLayoutView="40" workbookViewId="0">
      <pane ySplit="7" topLeftCell="A8" activePane="bottomLeft" state="frozen"/>
      <selection pane="bottomLeft" activeCell="AE84" sqref="AE84"/>
    </sheetView>
  </sheetViews>
  <sheetFormatPr defaultColWidth="9" defaultRowHeight="22.5" x14ac:dyDescent="0.2"/>
  <cols>
    <col min="1" max="1" width="5.08203125" style="4" customWidth="1"/>
    <col min="2" max="2" width="9.08203125" style="4" customWidth="1"/>
    <col min="3" max="3" width="19.58203125" style="4" customWidth="1"/>
    <col min="4" max="4" width="12.83203125" style="5" customWidth="1"/>
    <col min="5" max="5" width="38.58203125" style="5" customWidth="1"/>
    <col min="6" max="6" width="31.08203125" style="5" customWidth="1"/>
    <col min="7" max="7" width="15" style="5" customWidth="1"/>
    <col min="8" max="8" width="44.33203125" style="5" customWidth="1"/>
    <col min="9" max="9" width="55" style="5" customWidth="1"/>
    <col min="10" max="10" width="21.58203125" style="5" customWidth="1"/>
    <col min="11" max="11" width="51.5" style="5" customWidth="1"/>
    <col min="12" max="12" width="90.33203125" style="5" customWidth="1"/>
    <col min="13" max="13" width="83.6640625" style="5" customWidth="1"/>
    <col min="14" max="14" width="91.1640625" style="5" customWidth="1"/>
    <col min="15" max="15" width="35.58203125" style="5" customWidth="1"/>
    <col min="16" max="16" width="26" style="5" customWidth="1"/>
    <col min="17" max="19" width="8.9140625" style="5" customWidth="1"/>
    <col min="20" max="21" width="9.5" style="5" customWidth="1"/>
    <col min="22" max="22" width="18.5" style="5" customWidth="1"/>
    <col min="23" max="23" width="15.4140625" style="5" customWidth="1"/>
    <col min="24" max="24" width="17" style="5" customWidth="1"/>
    <col min="25" max="25" width="46.08203125" style="28" customWidth="1"/>
    <col min="26" max="26" width="21" style="5" customWidth="1"/>
    <col min="27" max="27" width="38.5" style="5" customWidth="1"/>
    <col min="28" max="28" width="9.5" style="5" customWidth="1"/>
    <col min="29" max="29" width="54.5" style="5" customWidth="1"/>
    <col min="30" max="30" width="20.08203125" style="5" customWidth="1"/>
    <col min="31" max="31" width="28.5" style="5" customWidth="1"/>
    <col min="32" max="32" width="12.5" style="5" customWidth="1"/>
    <col min="33" max="33" width="9.5" style="5" customWidth="1"/>
    <col min="34" max="34" width="88.6640625" style="5" customWidth="1"/>
    <col min="35" max="35" width="13.08203125" style="5" customWidth="1"/>
    <col min="36" max="36" width="33.75" style="5" customWidth="1"/>
    <col min="37" max="37" width="61.9140625" style="5" customWidth="1"/>
    <col min="38" max="16384" width="9" style="3"/>
  </cols>
  <sheetData>
    <row r="1" spans="1:37" s="9" customFormat="1" ht="34.25" customHeight="1" x14ac:dyDescent="0.2">
      <c r="A1" s="9" t="s">
        <v>1138</v>
      </c>
      <c r="D1" s="10"/>
      <c r="E1" s="10"/>
      <c r="F1" s="10"/>
      <c r="G1" s="10"/>
      <c r="H1" s="10"/>
      <c r="I1" s="10"/>
      <c r="J1" s="10"/>
      <c r="K1" s="10"/>
      <c r="L1" s="10"/>
      <c r="M1" s="10"/>
      <c r="N1" s="10"/>
      <c r="O1" s="10"/>
      <c r="P1" s="10"/>
      <c r="Q1" s="10"/>
      <c r="R1" s="10"/>
      <c r="S1" s="10"/>
      <c r="T1" s="10"/>
      <c r="U1" s="10"/>
      <c r="V1" s="10"/>
      <c r="W1" s="10"/>
      <c r="X1" s="10"/>
      <c r="Y1" s="26"/>
      <c r="Z1" s="10"/>
      <c r="AA1" s="10"/>
      <c r="AB1" s="10"/>
      <c r="AC1" s="10"/>
      <c r="AD1" s="10"/>
      <c r="AE1" s="10"/>
      <c r="AF1" s="10"/>
      <c r="AG1" s="10"/>
      <c r="AH1" s="10"/>
      <c r="AI1" s="10"/>
      <c r="AJ1" s="10"/>
      <c r="AK1" s="10"/>
    </row>
    <row r="2" spans="1:37" s="16" customFormat="1" ht="33.65" customHeight="1" x14ac:dyDescent="0.2">
      <c r="D2" s="17"/>
      <c r="E2" s="29" t="s">
        <v>925</v>
      </c>
      <c r="F2" s="18" t="s">
        <v>905</v>
      </c>
      <c r="G2" s="19">
        <v>26</v>
      </c>
      <c r="H2" s="20" t="s">
        <v>907</v>
      </c>
      <c r="I2" s="17"/>
      <c r="J2" s="17"/>
      <c r="K2" s="17"/>
      <c r="L2" s="17"/>
      <c r="M2" s="17"/>
      <c r="N2" s="17"/>
      <c r="O2" s="17"/>
      <c r="P2" s="17"/>
      <c r="Q2" s="17"/>
      <c r="R2" s="17"/>
      <c r="S2" s="17"/>
      <c r="T2" s="17"/>
      <c r="U2" s="17"/>
      <c r="V2" s="17"/>
      <c r="W2" s="17"/>
      <c r="X2" s="17"/>
      <c r="Y2" s="27"/>
      <c r="Z2" s="17"/>
      <c r="AA2" s="17"/>
      <c r="AB2" s="17"/>
      <c r="AC2" s="17"/>
      <c r="AD2" s="17"/>
      <c r="AE2" s="17"/>
      <c r="AF2" s="17"/>
      <c r="AG2" s="17"/>
      <c r="AH2" s="17"/>
      <c r="AI2" s="17"/>
      <c r="AJ2" s="17"/>
      <c r="AK2" s="17"/>
    </row>
    <row r="3" spans="1:37" s="16" customFormat="1" ht="33.65" customHeight="1" thickBot="1" x14ac:dyDescent="0.25">
      <c r="D3" s="17"/>
      <c r="E3" s="30"/>
      <c r="F3" s="21" t="s">
        <v>906</v>
      </c>
      <c r="G3" s="22">
        <v>52</v>
      </c>
      <c r="H3" s="20" t="s">
        <v>908</v>
      </c>
      <c r="I3" s="17"/>
      <c r="J3" s="17"/>
      <c r="K3" s="17"/>
      <c r="L3" s="17"/>
      <c r="M3" s="17"/>
      <c r="N3" s="17"/>
      <c r="O3" s="17"/>
      <c r="P3" s="17"/>
      <c r="Q3" s="17"/>
      <c r="R3" s="17"/>
      <c r="S3" s="17"/>
      <c r="T3" s="17"/>
      <c r="U3" s="17"/>
      <c r="V3" s="17"/>
      <c r="W3" s="17"/>
      <c r="X3" s="17"/>
      <c r="Y3" s="27"/>
      <c r="Z3" s="17"/>
      <c r="AA3" s="17"/>
      <c r="AB3" s="17"/>
      <c r="AC3" s="17"/>
      <c r="AD3" s="17"/>
      <c r="AE3" s="17"/>
      <c r="AF3" s="17"/>
      <c r="AG3" s="17"/>
      <c r="AH3" s="17"/>
      <c r="AI3" s="17"/>
      <c r="AJ3" s="17"/>
      <c r="AK3" s="17"/>
    </row>
    <row r="4" spans="1:37" s="16" customFormat="1" ht="30.65" customHeight="1" thickBot="1" x14ac:dyDescent="0.25">
      <c r="D4" s="17"/>
      <c r="E4" s="17"/>
      <c r="F4" s="23" t="s">
        <v>909</v>
      </c>
      <c r="G4" s="24">
        <f>SUM(G2:G3)</f>
        <v>78</v>
      </c>
      <c r="H4" s="17"/>
      <c r="I4" s="17"/>
      <c r="J4" s="17"/>
      <c r="K4" s="17"/>
      <c r="L4" s="17"/>
      <c r="M4" s="17"/>
      <c r="N4" s="17"/>
      <c r="O4" s="17"/>
      <c r="P4" s="17"/>
      <c r="Q4" s="17"/>
      <c r="R4" s="17"/>
      <c r="S4" s="17"/>
      <c r="T4" s="17"/>
      <c r="U4" s="17"/>
      <c r="V4" s="17"/>
      <c r="W4" s="17"/>
      <c r="X4" s="17"/>
      <c r="Y4" s="27"/>
      <c r="Z4" s="17"/>
      <c r="AA4" s="17"/>
      <c r="AB4" s="17"/>
      <c r="AC4" s="17"/>
      <c r="AD4" s="17"/>
      <c r="AE4" s="17"/>
      <c r="AF4" s="17"/>
      <c r="AG4" s="17"/>
      <c r="AH4" s="17"/>
      <c r="AI4" s="17"/>
      <c r="AJ4" s="17"/>
      <c r="AK4" s="17"/>
    </row>
    <row r="5" spans="1:37" s="12" customFormat="1" ht="18.649999999999999" customHeight="1" x14ac:dyDescent="0.2">
      <c r="D5" s="25"/>
      <c r="E5" s="25"/>
      <c r="F5" s="25"/>
      <c r="G5" s="25"/>
      <c r="H5" s="25"/>
      <c r="I5" s="25"/>
      <c r="J5" s="25"/>
      <c r="K5" s="25"/>
      <c r="L5" s="25"/>
      <c r="M5" s="25"/>
      <c r="N5" s="25"/>
      <c r="O5" s="25"/>
      <c r="P5" s="25"/>
      <c r="Q5" s="25"/>
      <c r="R5" s="25"/>
      <c r="S5" s="25"/>
      <c r="T5" s="25"/>
      <c r="U5" s="25"/>
      <c r="V5" s="25"/>
      <c r="W5" s="25"/>
      <c r="X5" s="25"/>
      <c r="Y5" s="20"/>
      <c r="Z5" s="25"/>
      <c r="AA5" s="25"/>
      <c r="AB5" s="25"/>
      <c r="AC5" s="25"/>
      <c r="AD5" s="25"/>
      <c r="AE5" s="25"/>
      <c r="AF5" s="25"/>
      <c r="AG5" s="25"/>
      <c r="AH5" s="25"/>
      <c r="AI5" s="25"/>
      <c r="AJ5" s="25"/>
      <c r="AK5" s="25"/>
    </row>
    <row r="6" spans="1:37" s="2" customFormat="1" ht="63" customHeight="1" x14ac:dyDescent="0.2">
      <c r="A6" s="4"/>
      <c r="B6" s="4"/>
      <c r="C6" s="4"/>
      <c r="D6" s="6" t="s">
        <v>912</v>
      </c>
      <c r="E6" s="5"/>
      <c r="F6" s="5"/>
      <c r="G6" s="5"/>
      <c r="H6" s="5"/>
      <c r="I6" s="5"/>
      <c r="J6" s="5"/>
      <c r="K6" s="5"/>
      <c r="L6" s="5"/>
      <c r="M6" s="5"/>
      <c r="N6" s="5"/>
      <c r="O6" s="5"/>
      <c r="P6" s="5"/>
      <c r="Q6" s="5"/>
      <c r="R6" s="5"/>
      <c r="S6" s="5"/>
      <c r="T6" s="5"/>
      <c r="U6" s="5"/>
      <c r="V6" s="5"/>
      <c r="W6" s="5"/>
      <c r="X6" s="5"/>
      <c r="Y6" s="28"/>
      <c r="Z6" s="5"/>
      <c r="AA6" s="5"/>
      <c r="AB6" s="5"/>
      <c r="AC6" s="5"/>
      <c r="AD6" s="5"/>
      <c r="AE6" s="5"/>
      <c r="AF6" s="5"/>
      <c r="AG6" s="5"/>
      <c r="AH6" s="5"/>
      <c r="AI6" s="5"/>
      <c r="AJ6" s="5"/>
      <c r="AK6" s="5"/>
    </row>
    <row r="7" spans="1:37" s="15" customFormat="1" ht="83.4" customHeight="1" x14ac:dyDescent="0.2">
      <c r="A7" s="13" t="s">
        <v>805</v>
      </c>
      <c r="B7" s="13" t="s">
        <v>798</v>
      </c>
      <c r="C7" s="13" t="s">
        <v>806</v>
      </c>
      <c r="D7" s="13" t="s">
        <v>911</v>
      </c>
      <c r="E7" s="13" t="s">
        <v>0</v>
      </c>
      <c r="F7" s="13" t="s">
        <v>1</v>
      </c>
      <c r="G7" s="13" t="s">
        <v>2</v>
      </c>
      <c r="H7" s="13" t="s">
        <v>3</v>
      </c>
      <c r="I7" s="14" t="s">
        <v>4</v>
      </c>
      <c r="J7" s="13" t="s">
        <v>5</v>
      </c>
      <c r="K7" s="13" t="s">
        <v>6</v>
      </c>
      <c r="L7" s="13" t="s">
        <v>7</v>
      </c>
      <c r="M7" s="13" t="s">
        <v>818</v>
      </c>
      <c r="N7" s="13" t="s">
        <v>819</v>
      </c>
      <c r="O7" s="13" t="s">
        <v>8</v>
      </c>
      <c r="P7" s="13" t="s">
        <v>9</v>
      </c>
      <c r="Q7" s="13" t="s">
        <v>10</v>
      </c>
      <c r="R7" s="13" t="s">
        <v>11</v>
      </c>
      <c r="S7" s="13" t="s">
        <v>12</v>
      </c>
      <c r="T7" s="13" t="s">
        <v>13</v>
      </c>
      <c r="U7" s="13" t="s">
        <v>14</v>
      </c>
      <c r="V7" s="13" t="s">
        <v>15</v>
      </c>
      <c r="W7" s="13" t="s">
        <v>16</v>
      </c>
      <c r="X7" s="13" t="s">
        <v>17</v>
      </c>
      <c r="Y7" s="14" t="s">
        <v>18</v>
      </c>
      <c r="Z7" s="13" t="s">
        <v>19</v>
      </c>
      <c r="AA7" s="13" t="s">
        <v>18</v>
      </c>
      <c r="AB7" s="13" t="s">
        <v>20</v>
      </c>
      <c r="AC7" s="13" t="s">
        <v>18</v>
      </c>
      <c r="AD7" s="13" t="s">
        <v>710</v>
      </c>
      <c r="AE7" s="13" t="s">
        <v>817</v>
      </c>
      <c r="AF7" s="13" t="s">
        <v>913</v>
      </c>
      <c r="AG7" s="13" t="s">
        <v>21</v>
      </c>
      <c r="AH7" s="13" t="s">
        <v>18</v>
      </c>
      <c r="AI7" s="13" t="s">
        <v>22</v>
      </c>
      <c r="AJ7" s="13" t="s">
        <v>18</v>
      </c>
      <c r="AK7" s="13" t="s">
        <v>750</v>
      </c>
    </row>
    <row r="8" spans="1:37" s="11" customFormat="1" ht="106" x14ac:dyDescent="0.2">
      <c r="A8" s="33">
        <v>1</v>
      </c>
      <c r="B8" s="33" t="s">
        <v>800</v>
      </c>
      <c r="C8" s="33" t="s">
        <v>808</v>
      </c>
      <c r="D8" s="33">
        <v>2</v>
      </c>
      <c r="E8" s="34" t="s">
        <v>512</v>
      </c>
      <c r="F8" s="34" t="s">
        <v>513</v>
      </c>
      <c r="G8" s="33" t="s">
        <v>514</v>
      </c>
      <c r="H8" s="34" t="s">
        <v>515</v>
      </c>
      <c r="I8" s="34" t="s">
        <v>516</v>
      </c>
      <c r="J8" s="33" t="s">
        <v>517</v>
      </c>
      <c r="K8" s="34" t="s">
        <v>965</v>
      </c>
      <c r="L8" s="34"/>
      <c r="M8" s="35" t="s">
        <v>820</v>
      </c>
      <c r="N8" s="34" t="s">
        <v>863</v>
      </c>
      <c r="O8" s="34"/>
      <c r="P8" s="34"/>
      <c r="Q8" s="33"/>
      <c r="R8" s="33"/>
      <c r="S8" s="33"/>
      <c r="T8" s="33"/>
      <c r="U8" s="33"/>
      <c r="V8" s="33" t="s">
        <v>33</v>
      </c>
      <c r="W8" s="34"/>
      <c r="X8" s="33"/>
      <c r="Y8" s="34"/>
      <c r="Z8" s="33"/>
      <c r="AA8" s="34"/>
      <c r="AB8" s="33" t="s">
        <v>34</v>
      </c>
      <c r="AC8" s="34" t="s">
        <v>518</v>
      </c>
      <c r="AD8" s="34" t="s">
        <v>717</v>
      </c>
      <c r="AE8" s="34" t="s">
        <v>734</v>
      </c>
      <c r="AF8" s="34"/>
      <c r="AG8" s="33"/>
      <c r="AH8" s="34"/>
      <c r="AI8" s="33"/>
      <c r="AJ8" s="34"/>
      <c r="AK8" s="34" t="s">
        <v>787</v>
      </c>
    </row>
    <row r="9" spans="1:37" s="11" customFormat="1" ht="404" customHeight="1" x14ac:dyDescent="0.2">
      <c r="A9" s="33">
        <v>2</v>
      </c>
      <c r="B9" s="33" t="s">
        <v>799</v>
      </c>
      <c r="C9" s="33" t="s">
        <v>808</v>
      </c>
      <c r="D9" s="33">
        <v>1</v>
      </c>
      <c r="E9" s="34" t="s">
        <v>428</v>
      </c>
      <c r="F9" s="34" t="s">
        <v>429</v>
      </c>
      <c r="G9" s="33" t="s">
        <v>430</v>
      </c>
      <c r="H9" s="34" t="s">
        <v>431</v>
      </c>
      <c r="I9" s="34" t="s">
        <v>432</v>
      </c>
      <c r="J9" s="33" t="s">
        <v>433</v>
      </c>
      <c r="K9" s="34" t="s">
        <v>917</v>
      </c>
      <c r="L9" s="34" t="s">
        <v>434</v>
      </c>
      <c r="M9" s="34" t="s">
        <v>821</v>
      </c>
      <c r="N9" s="34" t="s">
        <v>1125</v>
      </c>
      <c r="O9" s="34" t="s">
        <v>435</v>
      </c>
      <c r="P9" s="34" t="s">
        <v>436</v>
      </c>
      <c r="Q9" s="33"/>
      <c r="R9" s="33" t="s">
        <v>34</v>
      </c>
      <c r="S9" s="33"/>
      <c r="T9" s="33"/>
      <c r="U9" s="33"/>
      <c r="V9" s="33" t="s">
        <v>92</v>
      </c>
      <c r="W9" s="34" t="s">
        <v>171</v>
      </c>
      <c r="X9" s="33"/>
      <c r="Y9" s="34"/>
      <c r="Z9" s="33"/>
      <c r="AA9" s="34"/>
      <c r="AB9" s="33" t="s">
        <v>34</v>
      </c>
      <c r="AC9" s="34" t="s">
        <v>437</v>
      </c>
      <c r="AD9" s="34" t="s">
        <v>719</v>
      </c>
      <c r="AE9" s="34"/>
      <c r="AF9" s="34" t="s">
        <v>713</v>
      </c>
      <c r="AG9" s="33" t="s">
        <v>438</v>
      </c>
      <c r="AH9" s="34" t="s">
        <v>1126</v>
      </c>
      <c r="AI9" s="33" t="s">
        <v>34</v>
      </c>
      <c r="AJ9" s="34" t="s">
        <v>439</v>
      </c>
      <c r="AK9" s="34"/>
    </row>
    <row r="10" spans="1:37" s="11" customFormat="1" ht="159" x14ac:dyDescent="0.2">
      <c r="A10" s="33">
        <v>3</v>
      </c>
      <c r="B10" s="33" t="s">
        <v>799</v>
      </c>
      <c r="C10" s="33" t="s">
        <v>807</v>
      </c>
      <c r="D10" s="33">
        <v>1</v>
      </c>
      <c r="E10" s="34" t="s">
        <v>314</v>
      </c>
      <c r="F10" s="34" t="s">
        <v>315</v>
      </c>
      <c r="G10" s="33" t="s">
        <v>316</v>
      </c>
      <c r="H10" s="34" t="s">
        <v>317</v>
      </c>
      <c r="I10" s="34" t="s">
        <v>318</v>
      </c>
      <c r="J10" s="33" t="s">
        <v>319</v>
      </c>
      <c r="K10" s="34" t="s">
        <v>914</v>
      </c>
      <c r="L10" s="36" t="s">
        <v>921</v>
      </c>
      <c r="M10" s="34" t="s">
        <v>822</v>
      </c>
      <c r="N10" s="34" t="s">
        <v>864</v>
      </c>
      <c r="O10" s="34" t="s">
        <v>320</v>
      </c>
      <c r="P10" s="34" t="s">
        <v>116</v>
      </c>
      <c r="Q10" s="33" t="s">
        <v>34</v>
      </c>
      <c r="R10" s="33" t="s">
        <v>34</v>
      </c>
      <c r="S10" s="33"/>
      <c r="T10" s="33"/>
      <c r="U10" s="33"/>
      <c r="V10" s="33" t="s">
        <v>92</v>
      </c>
      <c r="W10" s="34" t="s">
        <v>171</v>
      </c>
      <c r="X10" s="33"/>
      <c r="Y10" s="34"/>
      <c r="Z10" s="33"/>
      <c r="AA10" s="34"/>
      <c r="AB10" s="33" t="s">
        <v>34</v>
      </c>
      <c r="AC10" s="34" t="s">
        <v>93</v>
      </c>
      <c r="AD10" s="34" t="s">
        <v>719</v>
      </c>
      <c r="AE10" s="34"/>
      <c r="AF10" s="34" t="s">
        <v>720</v>
      </c>
      <c r="AG10" s="33"/>
      <c r="AH10" s="34"/>
      <c r="AI10" s="33"/>
      <c r="AJ10" s="34"/>
      <c r="AK10" s="34" t="s">
        <v>770</v>
      </c>
    </row>
    <row r="11" spans="1:37" s="11" customFormat="1" ht="106" x14ac:dyDescent="0.2">
      <c r="A11" s="33">
        <v>4</v>
      </c>
      <c r="B11" s="33" t="s">
        <v>799</v>
      </c>
      <c r="C11" s="33" t="s">
        <v>807</v>
      </c>
      <c r="D11" s="33">
        <v>1</v>
      </c>
      <c r="E11" s="34" t="s">
        <v>486</v>
      </c>
      <c r="F11" s="34" t="s">
        <v>487</v>
      </c>
      <c r="G11" s="33" t="s">
        <v>488</v>
      </c>
      <c r="H11" s="34" t="s">
        <v>489</v>
      </c>
      <c r="I11" s="34" t="s">
        <v>490</v>
      </c>
      <c r="J11" s="33" t="s">
        <v>491</v>
      </c>
      <c r="K11" s="34" t="s">
        <v>922</v>
      </c>
      <c r="L11" s="34" t="s">
        <v>492</v>
      </c>
      <c r="M11" s="34" t="s">
        <v>823</v>
      </c>
      <c r="N11" s="34" t="s">
        <v>865</v>
      </c>
      <c r="O11" s="34" t="s">
        <v>493</v>
      </c>
      <c r="P11" s="34"/>
      <c r="Q11" s="33" t="s">
        <v>34</v>
      </c>
      <c r="R11" s="33"/>
      <c r="S11" s="33"/>
      <c r="T11" s="33"/>
      <c r="U11" s="33"/>
      <c r="V11" s="33" t="s">
        <v>92</v>
      </c>
      <c r="W11" s="34" t="s">
        <v>171</v>
      </c>
      <c r="X11" s="33"/>
      <c r="Y11" s="34"/>
      <c r="Z11" s="33"/>
      <c r="AA11" s="34"/>
      <c r="AB11" s="33" t="s">
        <v>34</v>
      </c>
      <c r="AC11" s="34" t="s">
        <v>457</v>
      </c>
      <c r="AD11" s="34" t="s">
        <v>717</v>
      </c>
      <c r="AE11" s="34" t="s">
        <v>718</v>
      </c>
      <c r="AF11" s="34"/>
      <c r="AG11" s="33"/>
      <c r="AH11" s="34"/>
      <c r="AI11" s="33"/>
      <c r="AJ11" s="34"/>
      <c r="AK11" s="34" t="s">
        <v>784</v>
      </c>
    </row>
    <row r="12" spans="1:37" s="11" customFormat="1" ht="106" x14ac:dyDescent="0.2">
      <c r="A12" s="33">
        <v>5</v>
      </c>
      <c r="B12" s="33" t="s">
        <v>799</v>
      </c>
      <c r="C12" s="33" t="s">
        <v>807</v>
      </c>
      <c r="D12" s="33">
        <v>2</v>
      </c>
      <c r="E12" s="34" t="s">
        <v>1117</v>
      </c>
      <c r="F12" s="34" t="s">
        <v>1118</v>
      </c>
      <c r="G12" s="33" t="s">
        <v>505</v>
      </c>
      <c r="H12" s="34" t="s">
        <v>506</v>
      </c>
      <c r="I12" s="34" t="s">
        <v>507</v>
      </c>
      <c r="J12" s="33" t="s">
        <v>508</v>
      </c>
      <c r="K12" s="34" t="s">
        <v>509</v>
      </c>
      <c r="L12" s="34" t="s">
        <v>510</v>
      </c>
      <c r="M12" s="34" t="s">
        <v>824</v>
      </c>
      <c r="N12" s="34" t="s">
        <v>866</v>
      </c>
      <c r="O12" s="31" t="s">
        <v>1119</v>
      </c>
      <c r="P12" s="32" t="s">
        <v>1120</v>
      </c>
      <c r="Q12" s="33"/>
      <c r="R12" s="33"/>
      <c r="S12" s="33"/>
      <c r="T12" s="33"/>
      <c r="U12" s="33"/>
      <c r="V12" s="33" t="s">
        <v>33</v>
      </c>
      <c r="W12" s="34"/>
      <c r="X12" s="33"/>
      <c r="Y12" s="34"/>
      <c r="Z12" s="33"/>
      <c r="AA12" s="34"/>
      <c r="AB12" s="33" t="s">
        <v>34</v>
      </c>
      <c r="AC12" s="34" t="s">
        <v>511</v>
      </c>
      <c r="AD12" s="34" t="s">
        <v>717</v>
      </c>
      <c r="AE12" s="34" t="s">
        <v>715</v>
      </c>
      <c r="AF12" s="34" t="s">
        <v>738</v>
      </c>
      <c r="AG12" s="33"/>
      <c r="AH12" s="34"/>
      <c r="AI12" s="33"/>
      <c r="AJ12" s="34"/>
      <c r="AK12" s="34" t="s">
        <v>786</v>
      </c>
    </row>
    <row r="13" spans="1:37" s="11" customFormat="1" ht="265" x14ac:dyDescent="0.2">
      <c r="A13" s="33">
        <v>6</v>
      </c>
      <c r="B13" s="33" t="s">
        <v>799</v>
      </c>
      <c r="C13" s="33" t="s">
        <v>807</v>
      </c>
      <c r="D13" s="33">
        <v>1</v>
      </c>
      <c r="E13" s="34" t="s">
        <v>274</v>
      </c>
      <c r="F13" s="34" t="s">
        <v>275</v>
      </c>
      <c r="G13" s="33" t="s">
        <v>276</v>
      </c>
      <c r="H13" s="34" t="s">
        <v>277</v>
      </c>
      <c r="I13" s="34" t="s">
        <v>278</v>
      </c>
      <c r="J13" s="33" t="s">
        <v>279</v>
      </c>
      <c r="K13" s="34" t="s">
        <v>280</v>
      </c>
      <c r="L13" s="34" t="s">
        <v>281</v>
      </c>
      <c r="M13" s="34" t="s">
        <v>825</v>
      </c>
      <c r="N13" s="34" t="s">
        <v>865</v>
      </c>
      <c r="O13" s="34" t="s">
        <v>282</v>
      </c>
      <c r="P13" s="34"/>
      <c r="Q13" s="33" t="s">
        <v>34</v>
      </c>
      <c r="R13" s="33" t="s">
        <v>34</v>
      </c>
      <c r="S13" s="33"/>
      <c r="T13" s="33"/>
      <c r="U13" s="33"/>
      <c r="V13" s="33" t="s">
        <v>56</v>
      </c>
      <c r="W13" s="34" t="s">
        <v>171</v>
      </c>
      <c r="X13" s="33"/>
      <c r="Y13" s="34"/>
      <c r="Z13" s="33"/>
      <c r="AA13" s="34"/>
      <c r="AB13" s="33" t="s">
        <v>34</v>
      </c>
      <c r="AC13" s="34" t="s">
        <v>283</v>
      </c>
      <c r="AD13" s="34" t="s">
        <v>728</v>
      </c>
      <c r="AE13" s="34" t="s">
        <v>718</v>
      </c>
      <c r="AF13" s="34"/>
      <c r="AG13" s="33" t="s">
        <v>34</v>
      </c>
      <c r="AH13" s="34" t="s">
        <v>284</v>
      </c>
      <c r="AI13" s="33" t="s">
        <v>34</v>
      </c>
      <c r="AJ13" s="34" t="s">
        <v>285</v>
      </c>
      <c r="AK13" s="34" t="s">
        <v>767</v>
      </c>
    </row>
    <row r="14" spans="1:37" s="11" customFormat="1" ht="344.5" x14ac:dyDescent="0.2">
      <c r="A14" s="33">
        <v>7</v>
      </c>
      <c r="B14" s="33" t="s">
        <v>799</v>
      </c>
      <c r="C14" s="33" t="s">
        <v>807</v>
      </c>
      <c r="D14" s="33">
        <v>1</v>
      </c>
      <c r="E14" s="34" t="s">
        <v>293</v>
      </c>
      <c r="F14" s="34" t="s">
        <v>294</v>
      </c>
      <c r="G14" s="33" t="s">
        <v>295</v>
      </c>
      <c r="H14" s="34" t="s">
        <v>296</v>
      </c>
      <c r="I14" s="34" t="s">
        <v>297</v>
      </c>
      <c r="J14" s="33" t="s">
        <v>298</v>
      </c>
      <c r="K14" s="34" t="s">
        <v>968</v>
      </c>
      <c r="L14" s="34" t="s">
        <v>967</v>
      </c>
      <c r="M14" s="34" t="s">
        <v>826</v>
      </c>
      <c r="N14" s="34" t="s">
        <v>966</v>
      </c>
      <c r="O14" s="34" t="s">
        <v>299</v>
      </c>
      <c r="P14" s="34"/>
      <c r="Q14" s="33" t="s">
        <v>34</v>
      </c>
      <c r="R14" s="33"/>
      <c r="S14" s="33" t="s">
        <v>34</v>
      </c>
      <c r="T14" s="33" t="s">
        <v>34</v>
      </c>
      <c r="U14" s="33"/>
      <c r="V14" s="33" t="s">
        <v>92</v>
      </c>
      <c r="W14" s="34" t="s">
        <v>171</v>
      </c>
      <c r="X14" s="33"/>
      <c r="Y14" s="34"/>
      <c r="Z14" s="33"/>
      <c r="AA14" s="34"/>
      <c r="AB14" s="33" t="s">
        <v>34</v>
      </c>
      <c r="AC14" s="34" t="s">
        <v>300</v>
      </c>
      <c r="AD14" s="34" t="s">
        <v>719</v>
      </c>
      <c r="AE14" s="34"/>
      <c r="AF14" s="34" t="s">
        <v>713</v>
      </c>
      <c r="AG14" s="33" t="s">
        <v>34</v>
      </c>
      <c r="AH14" s="34" t="s">
        <v>301</v>
      </c>
      <c r="AI14" s="33" t="s">
        <v>302</v>
      </c>
      <c r="AJ14" s="34" t="s">
        <v>303</v>
      </c>
      <c r="AK14" s="34" t="s">
        <v>768</v>
      </c>
    </row>
    <row r="15" spans="1:37" s="11" customFormat="1" ht="106" x14ac:dyDescent="0.2">
      <c r="A15" s="33">
        <v>8</v>
      </c>
      <c r="B15" s="33" t="s">
        <v>799</v>
      </c>
      <c r="C15" s="33" t="s">
        <v>807</v>
      </c>
      <c r="D15" s="33">
        <v>1</v>
      </c>
      <c r="E15" s="34" t="s">
        <v>338</v>
      </c>
      <c r="F15" s="34" t="s">
        <v>339</v>
      </c>
      <c r="G15" s="33" t="s">
        <v>340</v>
      </c>
      <c r="H15" s="34" t="s">
        <v>341</v>
      </c>
      <c r="I15" s="34" t="s">
        <v>342</v>
      </c>
      <c r="J15" s="33" t="s">
        <v>343</v>
      </c>
      <c r="K15" s="34" t="s">
        <v>969</v>
      </c>
      <c r="L15" s="34" t="s">
        <v>344</v>
      </c>
      <c r="M15" s="34" t="s">
        <v>915</v>
      </c>
      <c r="N15" s="34" t="s">
        <v>916</v>
      </c>
      <c r="O15" s="34" t="s">
        <v>345</v>
      </c>
      <c r="P15" s="34"/>
      <c r="Q15" s="33"/>
      <c r="R15" s="33"/>
      <c r="S15" s="33" t="s">
        <v>34</v>
      </c>
      <c r="T15" s="33"/>
      <c r="U15" s="33"/>
      <c r="V15" s="33" t="s">
        <v>92</v>
      </c>
      <c r="W15" s="34" t="s">
        <v>171</v>
      </c>
      <c r="X15" s="33" t="s">
        <v>34</v>
      </c>
      <c r="Y15" s="34" t="s">
        <v>346</v>
      </c>
      <c r="Z15" s="33"/>
      <c r="AA15" s="34"/>
      <c r="AB15" s="33" t="s">
        <v>34</v>
      </c>
      <c r="AC15" s="34" t="s">
        <v>347</v>
      </c>
      <c r="AD15" s="34" t="s">
        <v>731</v>
      </c>
      <c r="AE15" s="34"/>
      <c r="AF15" s="34" t="s">
        <v>732</v>
      </c>
      <c r="AG15" s="33"/>
      <c r="AH15" s="34"/>
      <c r="AI15" s="33"/>
      <c r="AJ15" s="34"/>
      <c r="AK15" s="34" t="s">
        <v>772</v>
      </c>
    </row>
    <row r="16" spans="1:37" s="11" customFormat="1" ht="159" x14ac:dyDescent="0.2">
      <c r="A16" s="33">
        <v>9</v>
      </c>
      <c r="B16" s="33" t="s">
        <v>799</v>
      </c>
      <c r="C16" s="33" t="s">
        <v>807</v>
      </c>
      <c r="D16" s="33">
        <v>1</v>
      </c>
      <c r="E16" s="34" t="s">
        <v>494</v>
      </c>
      <c r="F16" s="34" t="s">
        <v>495</v>
      </c>
      <c r="G16" s="33" t="s">
        <v>496</v>
      </c>
      <c r="H16" s="34" t="s">
        <v>497</v>
      </c>
      <c r="I16" s="34" t="s">
        <v>498</v>
      </c>
      <c r="J16" s="33" t="s">
        <v>499</v>
      </c>
      <c r="K16" s="34" t="s">
        <v>970</v>
      </c>
      <c r="L16" s="34" t="s">
        <v>500</v>
      </c>
      <c r="M16" s="34" t="s">
        <v>827</v>
      </c>
      <c r="N16" s="34" t="s">
        <v>867</v>
      </c>
      <c r="O16" s="34" t="s">
        <v>91</v>
      </c>
      <c r="P16" s="34"/>
      <c r="Q16" s="33" t="s">
        <v>34</v>
      </c>
      <c r="R16" s="33" t="s">
        <v>34</v>
      </c>
      <c r="S16" s="33" t="s">
        <v>34</v>
      </c>
      <c r="T16" s="33" t="s">
        <v>34</v>
      </c>
      <c r="U16" s="33" t="s">
        <v>34</v>
      </c>
      <c r="V16" s="33" t="s">
        <v>92</v>
      </c>
      <c r="W16" s="34" t="s">
        <v>57</v>
      </c>
      <c r="X16" s="33" t="s">
        <v>34</v>
      </c>
      <c r="Y16" s="34" t="s">
        <v>501</v>
      </c>
      <c r="Z16" s="33" t="s">
        <v>438</v>
      </c>
      <c r="AA16" s="34" t="s">
        <v>502</v>
      </c>
      <c r="AB16" s="33" t="s">
        <v>438</v>
      </c>
      <c r="AC16" s="34" t="s">
        <v>118</v>
      </c>
      <c r="AD16" s="34" t="s">
        <v>737</v>
      </c>
      <c r="AE16" s="34" t="s">
        <v>718</v>
      </c>
      <c r="AF16" s="34" t="s">
        <v>713</v>
      </c>
      <c r="AG16" s="33" t="s">
        <v>34</v>
      </c>
      <c r="AH16" s="34" t="s">
        <v>503</v>
      </c>
      <c r="AI16" s="33" t="s">
        <v>34</v>
      </c>
      <c r="AJ16" s="34" t="s">
        <v>504</v>
      </c>
      <c r="AK16" s="34" t="s">
        <v>785</v>
      </c>
    </row>
    <row r="17" spans="1:41" s="11" customFormat="1" ht="209" x14ac:dyDescent="0.2">
      <c r="A17" s="33">
        <v>10</v>
      </c>
      <c r="B17" s="33" t="s">
        <v>799</v>
      </c>
      <c r="C17" s="33" t="s">
        <v>807</v>
      </c>
      <c r="D17" s="33">
        <v>1</v>
      </c>
      <c r="E17" s="34" t="s">
        <v>286</v>
      </c>
      <c r="F17" s="34" t="s">
        <v>287</v>
      </c>
      <c r="G17" s="33" t="s">
        <v>288</v>
      </c>
      <c r="H17" s="34" t="s">
        <v>289</v>
      </c>
      <c r="I17" s="34" t="s">
        <v>290</v>
      </c>
      <c r="J17" s="33" t="s">
        <v>920</v>
      </c>
      <c r="K17" s="34" t="s">
        <v>923</v>
      </c>
      <c r="L17" s="37" t="str">
        <f>HYPERLINK("#", "https://www.yokohama-cu.ac.jp/urahp/（日本語）
https://www.yokohama-cu.ac.jp/urahp/translation/outpatientvisitorguide_EN.html（英語）
https://www.yokohama-cu.ac.jp/urahp/translation/outpatientvisitorguide_CH.html（中国語）")</f>
        <v>https://www.yokohama-cu.ac.jp/urahp/（日本語）
https://www.yokohama-cu.ac.jp/urahp/translation/outpatientvisitorguide_EN.html（英語）
https://www.yokohama-cu.ac.jp/urahp/translation/outpatientvisitorguide_CH.html（中国語）</v>
      </c>
      <c r="M17" s="38" t="s">
        <v>1139</v>
      </c>
      <c r="N17" s="34" t="s">
        <v>868</v>
      </c>
      <c r="O17" s="34" t="s">
        <v>291</v>
      </c>
      <c r="P17" s="34" t="s">
        <v>292</v>
      </c>
      <c r="Q17" s="33" t="s">
        <v>34</v>
      </c>
      <c r="R17" s="33" t="s">
        <v>34</v>
      </c>
      <c r="S17" s="33"/>
      <c r="T17" s="33"/>
      <c r="U17" s="33"/>
      <c r="V17" s="33" t="s">
        <v>92</v>
      </c>
      <c r="W17" s="34" t="s">
        <v>57</v>
      </c>
      <c r="X17" s="33" t="s">
        <v>34</v>
      </c>
      <c r="Y17" s="38" t="s">
        <v>1140</v>
      </c>
      <c r="Z17" s="38" t="s">
        <v>1121</v>
      </c>
      <c r="AA17" s="38" t="s">
        <v>1122</v>
      </c>
      <c r="AB17" s="33" t="s">
        <v>34</v>
      </c>
      <c r="AC17" s="38" t="s">
        <v>1141</v>
      </c>
      <c r="AD17" s="34" t="s">
        <v>729</v>
      </c>
      <c r="AE17" s="34"/>
      <c r="AF17" s="34" t="s">
        <v>713</v>
      </c>
      <c r="AG17" s="33" t="s">
        <v>34</v>
      </c>
      <c r="AH17" s="38" t="s">
        <v>1142</v>
      </c>
      <c r="AI17" s="33" t="s">
        <v>34</v>
      </c>
      <c r="AJ17" s="34" t="s">
        <v>1123</v>
      </c>
      <c r="AK17" s="34" t="s">
        <v>1124</v>
      </c>
    </row>
    <row r="18" spans="1:41" s="11" customFormat="1" ht="362.4" customHeight="1" x14ac:dyDescent="0.2">
      <c r="A18" s="33">
        <v>11</v>
      </c>
      <c r="B18" s="33" t="s">
        <v>799</v>
      </c>
      <c r="C18" s="33" t="s">
        <v>807</v>
      </c>
      <c r="D18" s="33">
        <v>1</v>
      </c>
      <c r="E18" s="34" t="s">
        <v>417</v>
      </c>
      <c r="F18" s="34" t="s">
        <v>418</v>
      </c>
      <c r="G18" s="33" t="s">
        <v>419</v>
      </c>
      <c r="H18" s="34" t="s">
        <v>420</v>
      </c>
      <c r="I18" s="34" t="s">
        <v>421</v>
      </c>
      <c r="J18" s="33" t="s">
        <v>422</v>
      </c>
      <c r="K18" s="34" t="s">
        <v>708</v>
      </c>
      <c r="L18" s="34" t="s">
        <v>423</v>
      </c>
      <c r="M18" s="34" t="s">
        <v>829</v>
      </c>
      <c r="N18" s="34" t="s">
        <v>962</v>
      </c>
      <c r="O18" s="34" t="s">
        <v>707</v>
      </c>
      <c r="P18" s="34"/>
      <c r="Q18" s="33"/>
      <c r="R18" s="33" t="s">
        <v>34</v>
      </c>
      <c r="S18" s="33"/>
      <c r="T18" s="33" t="s">
        <v>424</v>
      </c>
      <c r="U18" s="33"/>
      <c r="V18" s="33" t="s">
        <v>92</v>
      </c>
      <c r="W18" s="34" t="s">
        <v>57</v>
      </c>
      <c r="X18" s="33" t="s">
        <v>34</v>
      </c>
      <c r="Y18" s="34" t="s">
        <v>425</v>
      </c>
      <c r="Z18" s="33" t="s">
        <v>34</v>
      </c>
      <c r="AA18" s="34" t="s">
        <v>426</v>
      </c>
      <c r="AB18" s="33" t="s">
        <v>34</v>
      </c>
      <c r="AC18" s="34" t="s">
        <v>118</v>
      </c>
      <c r="AD18" s="34" t="s">
        <v>719</v>
      </c>
      <c r="AE18" s="34"/>
      <c r="AF18" s="34" t="s">
        <v>720</v>
      </c>
      <c r="AG18" s="33" t="s">
        <v>34</v>
      </c>
      <c r="AH18" s="34" t="s">
        <v>706</v>
      </c>
      <c r="AI18" s="33" t="s">
        <v>34</v>
      </c>
      <c r="AJ18" s="34" t="s">
        <v>427</v>
      </c>
      <c r="AK18" s="34"/>
    </row>
    <row r="19" spans="1:41" s="11" customFormat="1" ht="132.5" x14ac:dyDescent="0.2">
      <c r="A19" s="33">
        <v>12</v>
      </c>
      <c r="B19" s="33" t="s">
        <v>799</v>
      </c>
      <c r="C19" s="33" t="s">
        <v>807</v>
      </c>
      <c r="D19" s="33">
        <v>1</v>
      </c>
      <c r="E19" s="34" t="s">
        <v>348</v>
      </c>
      <c r="F19" s="34" t="s">
        <v>349</v>
      </c>
      <c r="G19" s="33" t="s">
        <v>350</v>
      </c>
      <c r="H19" s="34" t="s">
        <v>351</v>
      </c>
      <c r="I19" s="34" t="s">
        <v>352</v>
      </c>
      <c r="J19" s="33" t="s">
        <v>353</v>
      </c>
      <c r="K19" s="34" t="s">
        <v>354</v>
      </c>
      <c r="L19" s="34" t="s">
        <v>355</v>
      </c>
      <c r="M19" s="34" t="s">
        <v>870</v>
      </c>
      <c r="N19" s="34" t="s">
        <v>903</v>
      </c>
      <c r="O19" s="34" t="s">
        <v>356</v>
      </c>
      <c r="P19" s="34"/>
      <c r="Q19" s="33"/>
      <c r="R19" s="33"/>
      <c r="S19" s="33"/>
      <c r="T19" s="33"/>
      <c r="U19" s="33"/>
      <c r="V19" s="33" t="s">
        <v>92</v>
      </c>
      <c r="W19" s="34" t="s">
        <v>171</v>
      </c>
      <c r="X19" s="33"/>
      <c r="Y19" s="34"/>
      <c r="Z19" s="33"/>
      <c r="AA19" s="34"/>
      <c r="AB19" s="33" t="s">
        <v>34</v>
      </c>
      <c r="AC19" s="34" t="s">
        <v>357</v>
      </c>
      <c r="AD19" s="34" t="s">
        <v>728</v>
      </c>
      <c r="AE19" s="34" t="s">
        <v>715</v>
      </c>
      <c r="AF19" s="34"/>
      <c r="AG19" s="33" t="s">
        <v>34</v>
      </c>
      <c r="AH19" s="34" t="s">
        <v>358</v>
      </c>
      <c r="AI19" s="33" t="s">
        <v>34</v>
      </c>
      <c r="AJ19" s="34" t="s">
        <v>359</v>
      </c>
      <c r="AK19" s="34" t="s">
        <v>773</v>
      </c>
    </row>
    <row r="20" spans="1:41" s="11" customFormat="1" ht="132.5" x14ac:dyDescent="0.2">
      <c r="A20" s="33">
        <v>13</v>
      </c>
      <c r="B20" s="33" t="s">
        <v>799</v>
      </c>
      <c r="C20" s="33" t="s">
        <v>807</v>
      </c>
      <c r="D20" s="33">
        <v>2</v>
      </c>
      <c r="E20" s="34" t="s">
        <v>475</v>
      </c>
      <c r="F20" s="34" t="s">
        <v>476</v>
      </c>
      <c r="G20" s="33" t="s">
        <v>477</v>
      </c>
      <c r="H20" s="34" t="s">
        <v>478</v>
      </c>
      <c r="I20" s="34" t="s">
        <v>479</v>
      </c>
      <c r="J20" s="33" t="s">
        <v>480</v>
      </c>
      <c r="K20" s="34" t="s">
        <v>481</v>
      </c>
      <c r="L20" s="34" t="s">
        <v>482</v>
      </c>
      <c r="M20" s="34" t="s">
        <v>869</v>
      </c>
      <c r="N20" s="34" t="s">
        <v>871</v>
      </c>
      <c r="O20" s="34" t="s">
        <v>483</v>
      </c>
      <c r="P20" s="34" t="s">
        <v>484</v>
      </c>
      <c r="Q20" s="33"/>
      <c r="R20" s="33"/>
      <c r="S20" s="33"/>
      <c r="T20" s="33"/>
      <c r="U20" s="33"/>
      <c r="V20" s="33" t="s">
        <v>33</v>
      </c>
      <c r="W20" s="34"/>
      <c r="X20" s="33"/>
      <c r="Y20" s="34"/>
      <c r="Z20" s="33"/>
      <c r="AA20" s="34"/>
      <c r="AB20" s="33" t="s">
        <v>34</v>
      </c>
      <c r="AC20" s="34" t="s">
        <v>485</v>
      </c>
      <c r="AD20" s="34" t="s">
        <v>717</v>
      </c>
      <c r="AE20" s="34" t="s">
        <v>715</v>
      </c>
      <c r="AF20" s="34"/>
      <c r="AG20" s="33"/>
      <c r="AH20" s="34"/>
      <c r="AI20" s="33"/>
      <c r="AJ20" s="34"/>
      <c r="AK20" s="34" t="s">
        <v>783</v>
      </c>
    </row>
    <row r="21" spans="1:41" s="11" customFormat="1" ht="132.5" x14ac:dyDescent="0.2">
      <c r="A21" s="33">
        <v>14</v>
      </c>
      <c r="B21" s="33" t="s">
        <v>799</v>
      </c>
      <c r="C21" s="33" t="s">
        <v>807</v>
      </c>
      <c r="D21" s="33">
        <v>2</v>
      </c>
      <c r="E21" s="34" t="s">
        <v>304</v>
      </c>
      <c r="F21" s="34" t="s">
        <v>305</v>
      </c>
      <c r="G21" s="33" t="s">
        <v>306</v>
      </c>
      <c r="H21" s="34" t="s">
        <v>307</v>
      </c>
      <c r="I21" s="34" t="s">
        <v>308</v>
      </c>
      <c r="J21" s="33" t="s">
        <v>309</v>
      </c>
      <c r="K21" s="34" t="s">
        <v>627</v>
      </c>
      <c r="L21" s="34" t="s">
        <v>310</v>
      </c>
      <c r="M21" s="34" t="s">
        <v>311</v>
      </c>
      <c r="N21" s="34" t="s">
        <v>311</v>
      </c>
      <c r="O21" s="34" t="s">
        <v>628</v>
      </c>
      <c r="P21" s="34" t="s">
        <v>629</v>
      </c>
      <c r="Q21" s="33"/>
      <c r="R21" s="33"/>
      <c r="S21" s="33"/>
      <c r="T21" s="33"/>
      <c r="U21" s="33"/>
      <c r="V21" s="33" t="s">
        <v>33</v>
      </c>
      <c r="W21" s="34"/>
      <c r="X21" s="33" t="s">
        <v>34</v>
      </c>
      <c r="Y21" s="34" t="s">
        <v>312</v>
      </c>
      <c r="Z21" s="33"/>
      <c r="AA21" s="34"/>
      <c r="AB21" s="33" t="s">
        <v>34</v>
      </c>
      <c r="AC21" s="34" t="s">
        <v>313</v>
      </c>
      <c r="AD21" s="34" t="s">
        <v>730</v>
      </c>
      <c r="AE21" s="34" t="s">
        <v>715</v>
      </c>
      <c r="AF21" s="34"/>
      <c r="AG21" s="33"/>
      <c r="AH21" s="34"/>
      <c r="AI21" s="33" t="s">
        <v>34</v>
      </c>
      <c r="AJ21" s="34" t="s">
        <v>150</v>
      </c>
      <c r="AK21" s="34" t="s">
        <v>769</v>
      </c>
    </row>
    <row r="22" spans="1:41" s="11" customFormat="1" ht="159" x14ac:dyDescent="0.2">
      <c r="A22" s="33">
        <v>15</v>
      </c>
      <c r="B22" s="33" t="s">
        <v>799</v>
      </c>
      <c r="C22" s="33" t="s">
        <v>807</v>
      </c>
      <c r="D22" s="33">
        <v>2</v>
      </c>
      <c r="E22" s="34" t="s">
        <v>397</v>
      </c>
      <c r="F22" s="34" t="s">
        <v>398</v>
      </c>
      <c r="G22" s="33" t="s">
        <v>399</v>
      </c>
      <c r="H22" s="34" t="s">
        <v>400</v>
      </c>
      <c r="I22" s="34" t="s">
        <v>401</v>
      </c>
      <c r="J22" s="33" t="s">
        <v>402</v>
      </c>
      <c r="K22" s="34" t="s">
        <v>403</v>
      </c>
      <c r="L22" s="34" t="s">
        <v>404</v>
      </c>
      <c r="M22" s="34" t="s">
        <v>830</v>
      </c>
      <c r="N22" s="34" t="s">
        <v>872</v>
      </c>
      <c r="O22" s="34" t="s">
        <v>685</v>
      </c>
      <c r="P22" s="34"/>
      <c r="Q22" s="33"/>
      <c r="R22" s="33"/>
      <c r="S22" s="33"/>
      <c r="T22" s="33"/>
      <c r="U22" s="33"/>
      <c r="V22" s="33" t="s">
        <v>405</v>
      </c>
      <c r="W22" s="34"/>
      <c r="X22" s="33"/>
      <c r="Y22" s="34"/>
      <c r="Z22" s="33"/>
      <c r="AA22" s="34"/>
      <c r="AB22" s="33"/>
      <c r="AC22" s="34"/>
      <c r="AD22" s="34" t="s">
        <v>735</v>
      </c>
      <c r="AE22" s="34" t="s">
        <v>736</v>
      </c>
      <c r="AF22" s="34"/>
      <c r="AG22" s="33" t="s">
        <v>34</v>
      </c>
      <c r="AH22" s="34" t="s">
        <v>406</v>
      </c>
      <c r="AI22" s="33" t="s">
        <v>34</v>
      </c>
      <c r="AJ22" s="34" t="s">
        <v>407</v>
      </c>
      <c r="AK22" s="34" t="s">
        <v>778</v>
      </c>
    </row>
    <row r="23" spans="1:41" s="11" customFormat="1" ht="106" x14ac:dyDescent="0.2">
      <c r="A23" s="33">
        <v>16</v>
      </c>
      <c r="B23" s="33" t="s">
        <v>799</v>
      </c>
      <c r="C23" s="33" t="s">
        <v>807</v>
      </c>
      <c r="D23" s="33">
        <v>2</v>
      </c>
      <c r="E23" s="34" t="s">
        <v>388</v>
      </c>
      <c r="F23" s="34" t="s">
        <v>389</v>
      </c>
      <c r="G23" s="33" t="s">
        <v>390</v>
      </c>
      <c r="H23" s="34" t="s">
        <v>391</v>
      </c>
      <c r="I23" s="34" t="s">
        <v>392</v>
      </c>
      <c r="J23" s="33" t="s">
        <v>393</v>
      </c>
      <c r="K23" s="34" t="s">
        <v>394</v>
      </c>
      <c r="L23" s="34" t="s">
        <v>395</v>
      </c>
      <c r="M23" s="34" t="s">
        <v>831</v>
      </c>
      <c r="N23" s="34" t="s">
        <v>873</v>
      </c>
      <c r="O23" s="34"/>
      <c r="P23" s="34"/>
      <c r="Q23" s="33"/>
      <c r="R23" s="33"/>
      <c r="S23" s="33"/>
      <c r="T23" s="33"/>
      <c r="U23" s="33"/>
      <c r="V23" s="33" t="s">
        <v>33</v>
      </c>
      <c r="W23" s="34"/>
      <c r="X23" s="33"/>
      <c r="Y23" s="34"/>
      <c r="Z23" s="33"/>
      <c r="AA23" s="34"/>
      <c r="AB23" s="33" t="s">
        <v>34</v>
      </c>
      <c r="AC23" s="34" t="s">
        <v>396</v>
      </c>
      <c r="AD23" s="34" t="s">
        <v>717</v>
      </c>
      <c r="AE23" s="34" t="s">
        <v>734</v>
      </c>
      <c r="AF23" s="34"/>
      <c r="AG23" s="33"/>
      <c r="AH23" s="34"/>
      <c r="AI23" s="33"/>
      <c r="AJ23" s="34"/>
      <c r="AK23" s="34" t="s">
        <v>777</v>
      </c>
    </row>
    <row r="24" spans="1:41" s="12" customFormat="1" ht="106" x14ac:dyDescent="0.2">
      <c r="A24" s="33">
        <v>17</v>
      </c>
      <c r="B24" s="33" t="s">
        <v>799</v>
      </c>
      <c r="C24" s="33" t="s">
        <v>807</v>
      </c>
      <c r="D24" s="33">
        <v>2</v>
      </c>
      <c r="E24" s="34" t="s">
        <v>331</v>
      </c>
      <c r="F24" s="34" t="s">
        <v>332</v>
      </c>
      <c r="G24" s="33" t="s">
        <v>333</v>
      </c>
      <c r="H24" s="34" t="s">
        <v>334</v>
      </c>
      <c r="I24" s="34" t="s">
        <v>335</v>
      </c>
      <c r="J24" s="33" t="s">
        <v>336</v>
      </c>
      <c r="K24" s="34" t="s">
        <v>1137</v>
      </c>
      <c r="L24" s="34" t="s">
        <v>337</v>
      </c>
      <c r="M24" s="34" t="s">
        <v>832</v>
      </c>
      <c r="N24" s="34" t="s">
        <v>865</v>
      </c>
      <c r="O24" s="34" t="s">
        <v>978</v>
      </c>
      <c r="P24" s="34" t="s">
        <v>979</v>
      </c>
      <c r="Q24" s="33"/>
      <c r="R24" s="33"/>
      <c r="S24" s="33"/>
      <c r="T24" s="33"/>
      <c r="U24" s="33"/>
      <c r="V24" s="33" t="s">
        <v>33</v>
      </c>
      <c r="W24" s="34"/>
      <c r="X24" s="33"/>
      <c r="Y24" s="34"/>
      <c r="Z24" s="33"/>
      <c r="AA24" s="34"/>
      <c r="AB24" s="33" t="s">
        <v>34</v>
      </c>
      <c r="AC24" s="34" t="s">
        <v>1131</v>
      </c>
      <c r="AD24" s="34" t="s">
        <v>717</v>
      </c>
      <c r="AE24" s="34" t="s">
        <v>715</v>
      </c>
      <c r="AF24" s="34"/>
      <c r="AG24" s="33"/>
      <c r="AH24" s="34"/>
      <c r="AI24" s="33"/>
      <c r="AJ24" s="34"/>
      <c r="AK24" s="34" t="s">
        <v>771</v>
      </c>
      <c r="AL24" s="11"/>
      <c r="AM24" s="11"/>
      <c r="AN24" s="11"/>
      <c r="AO24" s="11"/>
    </row>
    <row r="25" spans="1:41" s="12" customFormat="1" ht="132.5" x14ac:dyDescent="0.2">
      <c r="A25" s="33">
        <v>18</v>
      </c>
      <c r="B25" s="33" t="s">
        <v>799</v>
      </c>
      <c r="C25" s="33" t="s">
        <v>807</v>
      </c>
      <c r="D25" s="33">
        <v>2</v>
      </c>
      <c r="E25" s="34" t="s">
        <v>360</v>
      </c>
      <c r="F25" s="34" t="s">
        <v>361</v>
      </c>
      <c r="G25" s="33" t="s">
        <v>362</v>
      </c>
      <c r="H25" s="34" t="s">
        <v>1089</v>
      </c>
      <c r="I25" s="34" t="s">
        <v>363</v>
      </c>
      <c r="J25" s="33" t="s">
        <v>364</v>
      </c>
      <c r="K25" s="34" t="s">
        <v>365</v>
      </c>
      <c r="L25" s="34" t="s">
        <v>366</v>
      </c>
      <c r="M25" s="34" t="s">
        <v>831</v>
      </c>
      <c r="N25" s="34" t="s">
        <v>865</v>
      </c>
      <c r="O25" s="34" t="s">
        <v>345</v>
      </c>
      <c r="P25" s="34"/>
      <c r="Q25" s="33"/>
      <c r="R25" s="33"/>
      <c r="S25" s="33"/>
      <c r="T25" s="33"/>
      <c r="U25" s="33"/>
      <c r="V25" s="33" t="s">
        <v>33</v>
      </c>
      <c r="W25" s="34"/>
      <c r="X25" s="33"/>
      <c r="Y25" s="34"/>
      <c r="Z25" s="33"/>
      <c r="AA25" s="34"/>
      <c r="AB25" s="33" t="s">
        <v>34</v>
      </c>
      <c r="AC25" s="34" t="s">
        <v>367</v>
      </c>
      <c r="AD25" s="34" t="s">
        <v>717</v>
      </c>
      <c r="AE25" s="34" t="s">
        <v>715</v>
      </c>
      <c r="AF25" s="34"/>
      <c r="AG25" s="33"/>
      <c r="AH25" s="34"/>
      <c r="AI25" s="33"/>
      <c r="AJ25" s="34"/>
      <c r="AK25" s="34" t="s">
        <v>774</v>
      </c>
      <c r="AL25" s="11"/>
      <c r="AM25" s="11"/>
      <c r="AN25" s="11"/>
      <c r="AO25" s="11"/>
    </row>
    <row r="26" spans="1:41" s="12" customFormat="1" ht="53" x14ac:dyDescent="0.2">
      <c r="A26" s="33">
        <v>19</v>
      </c>
      <c r="B26" s="33" t="s">
        <v>799</v>
      </c>
      <c r="C26" s="33" t="s">
        <v>807</v>
      </c>
      <c r="D26" s="33">
        <v>1</v>
      </c>
      <c r="E26" s="34" t="s">
        <v>321</v>
      </c>
      <c r="F26" s="34" t="s">
        <v>322</v>
      </c>
      <c r="G26" s="33" t="s">
        <v>323</v>
      </c>
      <c r="H26" s="34" t="s">
        <v>324</v>
      </c>
      <c r="I26" s="34" t="s">
        <v>325</v>
      </c>
      <c r="J26" s="33" t="s">
        <v>326</v>
      </c>
      <c r="K26" s="34" t="s">
        <v>327</v>
      </c>
      <c r="L26" s="34" t="s">
        <v>328</v>
      </c>
      <c r="M26" s="34" t="s">
        <v>831</v>
      </c>
      <c r="N26" s="34" t="s">
        <v>874</v>
      </c>
      <c r="O26" s="34" t="s">
        <v>329</v>
      </c>
      <c r="P26" s="34"/>
      <c r="Q26" s="33"/>
      <c r="R26" s="33"/>
      <c r="S26" s="33"/>
      <c r="T26" s="33"/>
      <c r="U26" s="33"/>
      <c r="V26" s="33" t="s">
        <v>92</v>
      </c>
      <c r="W26" s="34" t="s">
        <v>171</v>
      </c>
      <c r="X26" s="33" t="s">
        <v>34</v>
      </c>
      <c r="Y26" s="34" t="s">
        <v>330</v>
      </c>
      <c r="Z26" s="33"/>
      <c r="AA26" s="34"/>
      <c r="AB26" s="33"/>
      <c r="AC26" s="34"/>
      <c r="AD26" s="34"/>
      <c r="AE26" s="34"/>
      <c r="AF26" s="34"/>
      <c r="AG26" s="33"/>
      <c r="AH26" s="34"/>
      <c r="AI26" s="33"/>
      <c r="AJ26" s="34"/>
      <c r="AK26" s="34"/>
      <c r="AL26" s="11"/>
      <c r="AM26" s="11"/>
      <c r="AN26" s="11"/>
      <c r="AO26" s="11"/>
    </row>
    <row r="27" spans="1:41" s="12" customFormat="1" ht="132.5" x14ac:dyDescent="0.2">
      <c r="A27" s="33">
        <v>20</v>
      </c>
      <c r="B27" s="33" t="s">
        <v>799</v>
      </c>
      <c r="C27" s="33" t="s">
        <v>807</v>
      </c>
      <c r="D27" s="33">
        <v>2</v>
      </c>
      <c r="E27" s="34" t="s">
        <v>368</v>
      </c>
      <c r="F27" s="34" t="s">
        <v>369</v>
      </c>
      <c r="G27" s="33" t="s">
        <v>370</v>
      </c>
      <c r="H27" s="34" t="s">
        <v>371</v>
      </c>
      <c r="I27" s="34" t="s">
        <v>372</v>
      </c>
      <c r="J27" s="33" t="s">
        <v>373</v>
      </c>
      <c r="K27" s="34" t="s">
        <v>374</v>
      </c>
      <c r="L27" s="34" t="s">
        <v>375</v>
      </c>
      <c r="M27" s="34" t="s">
        <v>833</v>
      </c>
      <c r="N27" s="34" t="s">
        <v>873</v>
      </c>
      <c r="O27" s="34"/>
      <c r="P27" s="34" t="s">
        <v>376</v>
      </c>
      <c r="Q27" s="33"/>
      <c r="R27" s="33"/>
      <c r="S27" s="33"/>
      <c r="T27" s="33"/>
      <c r="U27" s="33"/>
      <c r="V27" s="33" t="s">
        <v>33</v>
      </c>
      <c r="W27" s="34"/>
      <c r="X27" s="33"/>
      <c r="Y27" s="34"/>
      <c r="Z27" s="33"/>
      <c r="AA27" s="34"/>
      <c r="AB27" s="33" t="s">
        <v>34</v>
      </c>
      <c r="AC27" s="34" t="s">
        <v>377</v>
      </c>
      <c r="AD27" s="34" t="s">
        <v>717</v>
      </c>
      <c r="AE27" s="34" t="s">
        <v>715</v>
      </c>
      <c r="AF27" s="34"/>
      <c r="AG27" s="33"/>
      <c r="AH27" s="34"/>
      <c r="AI27" s="33"/>
      <c r="AJ27" s="34"/>
      <c r="AK27" s="34" t="s">
        <v>775</v>
      </c>
      <c r="AL27" s="11"/>
      <c r="AM27" s="11"/>
      <c r="AN27" s="11"/>
      <c r="AO27" s="11"/>
    </row>
    <row r="28" spans="1:41" s="12" customFormat="1" ht="159" x14ac:dyDescent="0.2">
      <c r="A28" s="33">
        <v>21</v>
      </c>
      <c r="B28" s="33" t="s">
        <v>799</v>
      </c>
      <c r="C28" s="33" t="s">
        <v>807</v>
      </c>
      <c r="D28" s="33">
        <v>2</v>
      </c>
      <c r="E28" s="34" t="s">
        <v>458</v>
      </c>
      <c r="F28" s="34" t="s">
        <v>459</v>
      </c>
      <c r="G28" s="33" t="s">
        <v>460</v>
      </c>
      <c r="H28" s="34" t="s">
        <v>461</v>
      </c>
      <c r="I28" s="34" t="s">
        <v>462</v>
      </c>
      <c r="J28" s="33" t="s">
        <v>463</v>
      </c>
      <c r="K28" s="34" t="s">
        <v>971</v>
      </c>
      <c r="L28" s="34" t="s">
        <v>464</v>
      </c>
      <c r="M28" s="34" t="s">
        <v>834</v>
      </c>
      <c r="N28" s="34" t="s">
        <v>865</v>
      </c>
      <c r="O28" s="34" t="s">
        <v>217</v>
      </c>
      <c r="P28" s="34"/>
      <c r="Q28" s="33"/>
      <c r="R28" s="33"/>
      <c r="S28" s="33"/>
      <c r="T28" s="33"/>
      <c r="U28" s="33"/>
      <c r="V28" s="33" t="s">
        <v>33</v>
      </c>
      <c r="W28" s="34"/>
      <c r="X28" s="33"/>
      <c r="Y28" s="34"/>
      <c r="Z28" s="33"/>
      <c r="AA28" s="34"/>
      <c r="AB28" s="33" t="s">
        <v>34</v>
      </c>
      <c r="AC28" s="34" t="s">
        <v>465</v>
      </c>
      <c r="AD28" s="34" t="s">
        <v>717</v>
      </c>
      <c r="AE28" s="34" t="s">
        <v>715</v>
      </c>
      <c r="AF28" s="34"/>
      <c r="AG28" s="33"/>
      <c r="AH28" s="34"/>
      <c r="AI28" s="33"/>
      <c r="AJ28" s="34"/>
      <c r="AK28" s="34" t="s">
        <v>781</v>
      </c>
      <c r="AL28" s="11"/>
      <c r="AM28" s="11"/>
      <c r="AN28" s="11"/>
      <c r="AO28" s="11"/>
    </row>
    <row r="29" spans="1:41" s="12" customFormat="1" ht="132.5" x14ac:dyDescent="0.2">
      <c r="A29" s="33">
        <v>22</v>
      </c>
      <c r="B29" s="33" t="s">
        <v>799</v>
      </c>
      <c r="C29" s="33" t="s">
        <v>807</v>
      </c>
      <c r="D29" s="33">
        <v>2</v>
      </c>
      <c r="E29" s="34" t="s">
        <v>450</v>
      </c>
      <c r="F29" s="34" t="s">
        <v>451</v>
      </c>
      <c r="G29" s="33" t="s">
        <v>452</v>
      </c>
      <c r="H29" s="34" t="s">
        <v>453</v>
      </c>
      <c r="I29" s="34" t="s">
        <v>454</v>
      </c>
      <c r="J29" s="33" t="s">
        <v>455</v>
      </c>
      <c r="K29" s="34" t="s">
        <v>924</v>
      </c>
      <c r="L29" s="34" t="s">
        <v>456</v>
      </c>
      <c r="M29" s="34" t="s">
        <v>834</v>
      </c>
      <c r="N29" s="34" t="s">
        <v>865</v>
      </c>
      <c r="O29" s="34" t="s">
        <v>217</v>
      </c>
      <c r="P29" s="34"/>
      <c r="Q29" s="33"/>
      <c r="R29" s="33"/>
      <c r="S29" s="33"/>
      <c r="T29" s="33"/>
      <c r="U29" s="33"/>
      <c r="V29" s="33" t="s">
        <v>33</v>
      </c>
      <c r="W29" s="34"/>
      <c r="X29" s="33"/>
      <c r="Y29" s="34"/>
      <c r="Z29" s="33"/>
      <c r="AA29" s="34"/>
      <c r="AB29" s="33" t="s">
        <v>34</v>
      </c>
      <c r="AC29" s="34" t="s">
        <v>457</v>
      </c>
      <c r="AD29" s="34" t="s">
        <v>717</v>
      </c>
      <c r="AE29" s="34" t="s">
        <v>715</v>
      </c>
      <c r="AF29" s="34"/>
      <c r="AG29" s="33"/>
      <c r="AH29" s="34"/>
      <c r="AI29" s="33"/>
      <c r="AJ29" s="34"/>
      <c r="AK29" s="34" t="s">
        <v>781</v>
      </c>
      <c r="AL29" s="11"/>
      <c r="AM29" s="11"/>
      <c r="AN29" s="11"/>
      <c r="AO29" s="11"/>
    </row>
    <row r="30" spans="1:41" s="12" customFormat="1" ht="132.5" x14ac:dyDescent="0.2">
      <c r="A30" s="33">
        <v>23</v>
      </c>
      <c r="B30" s="33" t="s">
        <v>799</v>
      </c>
      <c r="C30" s="33" t="s">
        <v>807</v>
      </c>
      <c r="D30" s="33">
        <v>2</v>
      </c>
      <c r="E30" s="34" t="s">
        <v>466</v>
      </c>
      <c r="F30" s="34" t="s">
        <v>467</v>
      </c>
      <c r="G30" s="33" t="s">
        <v>468</v>
      </c>
      <c r="H30" s="34" t="s">
        <v>469</v>
      </c>
      <c r="I30" s="34" t="s">
        <v>470</v>
      </c>
      <c r="J30" s="33" t="s">
        <v>471</v>
      </c>
      <c r="K30" s="34" t="s">
        <v>472</v>
      </c>
      <c r="L30" s="34" t="s">
        <v>473</v>
      </c>
      <c r="M30" s="34" t="s">
        <v>834</v>
      </c>
      <c r="N30" s="34" t="s">
        <v>865</v>
      </c>
      <c r="O30" s="34"/>
      <c r="P30" s="34"/>
      <c r="Q30" s="33"/>
      <c r="R30" s="33"/>
      <c r="S30" s="33"/>
      <c r="T30" s="33"/>
      <c r="U30" s="33"/>
      <c r="V30" s="33" t="s">
        <v>33</v>
      </c>
      <c r="W30" s="34"/>
      <c r="X30" s="33"/>
      <c r="Y30" s="34"/>
      <c r="Z30" s="33"/>
      <c r="AA30" s="34"/>
      <c r="AB30" s="33" t="s">
        <v>34</v>
      </c>
      <c r="AC30" s="34" t="s">
        <v>474</v>
      </c>
      <c r="AD30" s="34" t="s">
        <v>717</v>
      </c>
      <c r="AE30" s="34" t="s">
        <v>715</v>
      </c>
      <c r="AF30" s="34"/>
      <c r="AG30" s="33"/>
      <c r="AH30" s="34"/>
      <c r="AI30" s="33"/>
      <c r="AJ30" s="34"/>
      <c r="AK30" s="34" t="s">
        <v>782</v>
      </c>
      <c r="AL30" s="11"/>
      <c r="AM30" s="11"/>
      <c r="AN30" s="11"/>
      <c r="AO30" s="11"/>
    </row>
    <row r="31" spans="1:41" s="12" customFormat="1" ht="106" x14ac:dyDescent="0.2">
      <c r="A31" s="33">
        <v>24</v>
      </c>
      <c r="B31" s="33" t="s">
        <v>799</v>
      </c>
      <c r="C31" s="33" t="s">
        <v>807</v>
      </c>
      <c r="D31" s="33">
        <v>2</v>
      </c>
      <c r="E31" s="34" t="s">
        <v>262</v>
      </c>
      <c r="F31" s="34" t="s">
        <v>263</v>
      </c>
      <c r="G31" s="33" t="s">
        <v>264</v>
      </c>
      <c r="H31" s="34" t="s">
        <v>265</v>
      </c>
      <c r="I31" s="34" t="s">
        <v>266</v>
      </c>
      <c r="J31" s="33" t="s">
        <v>267</v>
      </c>
      <c r="K31" s="34" t="s">
        <v>268</v>
      </c>
      <c r="L31" s="34" t="s">
        <v>269</v>
      </c>
      <c r="M31" s="34" t="s">
        <v>835</v>
      </c>
      <c r="N31" s="34" t="s">
        <v>865</v>
      </c>
      <c r="O31" s="34" t="s">
        <v>32</v>
      </c>
      <c r="P31" s="34" t="s">
        <v>270</v>
      </c>
      <c r="Q31" s="33"/>
      <c r="R31" s="33"/>
      <c r="S31" s="33"/>
      <c r="T31" s="33"/>
      <c r="U31" s="33"/>
      <c r="V31" s="33" t="s">
        <v>271</v>
      </c>
      <c r="W31" s="34"/>
      <c r="X31" s="33"/>
      <c r="Y31" s="34"/>
      <c r="Z31" s="33"/>
      <c r="AA31" s="34"/>
      <c r="AB31" s="33" t="s">
        <v>272</v>
      </c>
      <c r="AC31" s="34" t="s">
        <v>273</v>
      </c>
      <c r="AD31" s="34" t="s">
        <v>714</v>
      </c>
      <c r="AE31" s="34" t="s">
        <v>715</v>
      </c>
      <c r="AF31" s="34"/>
      <c r="AG31" s="33"/>
      <c r="AH31" s="34"/>
      <c r="AI31" s="33"/>
      <c r="AJ31" s="34"/>
      <c r="AK31" s="34" t="s">
        <v>766</v>
      </c>
      <c r="AL31" s="11"/>
      <c r="AM31" s="11"/>
      <c r="AN31" s="11"/>
      <c r="AO31" s="11"/>
    </row>
    <row r="32" spans="1:41" s="12" customFormat="1" ht="106" x14ac:dyDescent="0.2">
      <c r="A32" s="33">
        <v>25</v>
      </c>
      <c r="B32" s="33" t="s">
        <v>801</v>
      </c>
      <c r="C32" s="33" t="s">
        <v>807</v>
      </c>
      <c r="D32" s="33">
        <v>2</v>
      </c>
      <c r="E32" s="34" t="s">
        <v>519</v>
      </c>
      <c r="F32" s="34" t="s">
        <v>520</v>
      </c>
      <c r="G32" s="33" t="s">
        <v>521</v>
      </c>
      <c r="H32" s="34" t="s">
        <v>522</v>
      </c>
      <c r="I32" s="34" t="s">
        <v>523</v>
      </c>
      <c r="J32" s="34" t="s">
        <v>524</v>
      </c>
      <c r="K32" s="34" t="s">
        <v>525</v>
      </c>
      <c r="L32" s="34" t="s">
        <v>526</v>
      </c>
      <c r="M32" s="34" t="s">
        <v>830</v>
      </c>
      <c r="N32" s="34" t="s">
        <v>865</v>
      </c>
      <c r="O32" s="34" t="s">
        <v>527</v>
      </c>
      <c r="P32" s="34" t="s">
        <v>447</v>
      </c>
      <c r="Q32" s="33"/>
      <c r="R32" s="33"/>
      <c r="S32" s="33"/>
      <c r="T32" s="33"/>
      <c r="U32" s="33"/>
      <c r="V32" s="33" t="s">
        <v>528</v>
      </c>
      <c r="W32" s="34"/>
      <c r="X32" s="33"/>
      <c r="Y32" s="34"/>
      <c r="Z32" s="33"/>
      <c r="AA32" s="34"/>
      <c r="AB32" s="33" t="s">
        <v>34</v>
      </c>
      <c r="AC32" s="34" t="s">
        <v>529</v>
      </c>
      <c r="AD32" s="34" t="s">
        <v>739</v>
      </c>
      <c r="AE32" s="34" t="s">
        <v>715</v>
      </c>
      <c r="AF32" s="34" t="s">
        <v>720</v>
      </c>
      <c r="AG32" s="33"/>
      <c r="AH32" s="34"/>
      <c r="AI32" s="33"/>
      <c r="AJ32" s="34"/>
      <c r="AK32" s="34" t="s">
        <v>788</v>
      </c>
      <c r="AL32" s="11"/>
      <c r="AM32" s="11"/>
      <c r="AN32" s="11"/>
    </row>
    <row r="33" spans="1:41" s="12" customFormat="1" ht="53" x14ac:dyDescent="0.2">
      <c r="A33" s="33">
        <v>26</v>
      </c>
      <c r="B33" s="33" t="s">
        <v>800</v>
      </c>
      <c r="C33" s="33" t="s">
        <v>807</v>
      </c>
      <c r="D33" s="33">
        <v>2</v>
      </c>
      <c r="E33" s="34" t="s">
        <v>378</v>
      </c>
      <c r="F33" s="34" t="s">
        <v>379</v>
      </c>
      <c r="G33" s="33" t="s">
        <v>380</v>
      </c>
      <c r="H33" s="34" t="s">
        <v>381</v>
      </c>
      <c r="I33" s="34" t="s">
        <v>382</v>
      </c>
      <c r="J33" s="33" t="s">
        <v>383</v>
      </c>
      <c r="K33" s="34" t="s">
        <v>384</v>
      </c>
      <c r="L33" s="34" t="s">
        <v>385</v>
      </c>
      <c r="M33" s="34" t="s">
        <v>836</v>
      </c>
      <c r="N33" s="34" t="s">
        <v>866</v>
      </c>
      <c r="O33" s="34"/>
      <c r="P33" s="34"/>
      <c r="Q33" s="33"/>
      <c r="R33" s="33"/>
      <c r="S33" s="33"/>
      <c r="T33" s="33"/>
      <c r="U33" s="33"/>
      <c r="V33" s="33" t="s">
        <v>33</v>
      </c>
      <c r="W33" s="34"/>
      <c r="X33" s="33"/>
      <c r="Y33" s="34"/>
      <c r="Z33" s="33"/>
      <c r="AA33" s="34"/>
      <c r="AB33" s="33" t="s">
        <v>34</v>
      </c>
      <c r="AC33" s="34" t="s">
        <v>386</v>
      </c>
      <c r="AD33" s="34" t="s">
        <v>733</v>
      </c>
      <c r="AE33" s="34" t="s">
        <v>734</v>
      </c>
      <c r="AF33" s="34"/>
      <c r="AG33" s="33" t="s">
        <v>34</v>
      </c>
      <c r="AH33" s="34" t="s">
        <v>387</v>
      </c>
      <c r="AI33" s="33"/>
      <c r="AJ33" s="34"/>
      <c r="AK33" s="34" t="s">
        <v>776</v>
      </c>
      <c r="AL33" s="11"/>
      <c r="AM33" s="11"/>
      <c r="AN33" s="11"/>
      <c r="AO33" s="11"/>
    </row>
    <row r="34" spans="1:41" s="12" customFormat="1" ht="79.5" x14ac:dyDescent="0.2">
      <c r="A34" s="33">
        <v>27</v>
      </c>
      <c r="B34" s="33" t="s">
        <v>800</v>
      </c>
      <c r="C34" s="33" t="s">
        <v>807</v>
      </c>
      <c r="D34" s="33">
        <v>2</v>
      </c>
      <c r="E34" s="34" t="s">
        <v>408</v>
      </c>
      <c r="F34" s="34" t="s">
        <v>409</v>
      </c>
      <c r="G34" s="33" t="s">
        <v>410</v>
      </c>
      <c r="H34" s="34" t="s">
        <v>411</v>
      </c>
      <c r="I34" s="34" t="s">
        <v>412</v>
      </c>
      <c r="J34" s="33" t="s">
        <v>413</v>
      </c>
      <c r="K34" s="34" t="s">
        <v>414</v>
      </c>
      <c r="L34" s="34" t="s">
        <v>415</v>
      </c>
      <c r="M34" s="34" t="s">
        <v>837</v>
      </c>
      <c r="N34" s="34" t="s">
        <v>866</v>
      </c>
      <c r="O34" s="34"/>
      <c r="P34" s="34"/>
      <c r="Q34" s="33"/>
      <c r="R34" s="33"/>
      <c r="S34" s="33"/>
      <c r="T34" s="33"/>
      <c r="U34" s="33"/>
      <c r="V34" s="33" t="s">
        <v>33</v>
      </c>
      <c r="W34" s="34"/>
      <c r="X34" s="33"/>
      <c r="Y34" s="34"/>
      <c r="Z34" s="33"/>
      <c r="AA34" s="34"/>
      <c r="AB34" s="33" t="s">
        <v>34</v>
      </c>
      <c r="AC34" s="34" t="s">
        <v>416</v>
      </c>
      <c r="AD34" s="34" t="s">
        <v>717</v>
      </c>
      <c r="AE34" s="34" t="s">
        <v>715</v>
      </c>
      <c r="AF34" s="34"/>
      <c r="AG34" s="33"/>
      <c r="AH34" s="34"/>
      <c r="AI34" s="33"/>
      <c r="AJ34" s="34"/>
      <c r="AK34" s="34" t="s">
        <v>779</v>
      </c>
      <c r="AL34" s="11"/>
      <c r="AM34" s="11"/>
      <c r="AN34" s="11"/>
      <c r="AO34" s="11"/>
    </row>
    <row r="35" spans="1:41" s="12" customFormat="1" ht="212" x14ac:dyDescent="0.2">
      <c r="A35" s="33">
        <v>28</v>
      </c>
      <c r="B35" s="33" t="s">
        <v>800</v>
      </c>
      <c r="C35" s="33" t="s">
        <v>807</v>
      </c>
      <c r="D35" s="33">
        <v>1</v>
      </c>
      <c r="E35" s="34" t="s">
        <v>440</v>
      </c>
      <c r="F35" s="34" t="s">
        <v>441</v>
      </c>
      <c r="G35" s="33" t="s">
        <v>442</v>
      </c>
      <c r="H35" s="34" t="s">
        <v>443</v>
      </c>
      <c r="I35" s="34" t="s">
        <v>444</v>
      </c>
      <c r="J35" s="33" t="s">
        <v>445</v>
      </c>
      <c r="K35" s="34" t="s">
        <v>1143</v>
      </c>
      <c r="L35" s="34" t="s">
        <v>446</v>
      </c>
      <c r="M35" s="34" t="s">
        <v>838</v>
      </c>
      <c r="N35" s="34" t="s">
        <v>875</v>
      </c>
      <c r="O35" s="34" t="s">
        <v>918</v>
      </c>
      <c r="P35" s="34" t="s">
        <v>980</v>
      </c>
      <c r="Q35" s="33" t="s">
        <v>34</v>
      </c>
      <c r="R35" s="33" t="s">
        <v>34</v>
      </c>
      <c r="S35" s="33"/>
      <c r="T35" s="33" t="s">
        <v>438</v>
      </c>
      <c r="U35" s="33"/>
      <c r="V35" s="33" t="s">
        <v>92</v>
      </c>
      <c r="W35" s="34" t="s">
        <v>57</v>
      </c>
      <c r="X35" s="33" t="s">
        <v>34</v>
      </c>
      <c r="Y35" s="34" t="s">
        <v>448</v>
      </c>
      <c r="Z35" s="33"/>
      <c r="AA35" s="34"/>
      <c r="AB35" s="33" t="s">
        <v>34</v>
      </c>
      <c r="AC35" s="34" t="s">
        <v>93</v>
      </c>
      <c r="AD35" s="34" t="s">
        <v>719</v>
      </c>
      <c r="AE35" s="34"/>
      <c r="AF35" s="34" t="s">
        <v>713</v>
      </c>
      <c r="AG35" s="33" t="s">
        <v>34</v>
      </c>
      <c r="AH35" s="34" t="s">
        <v>449</v>
      </c>
      <c r="AI35" s="33" t="s">
        <v>34</v>
      </c>
      <c r="AJ35" s="34" t="s">
        <v>919</v>
      </c>
      <c r="AK35" s="34" t="s">
        <v>780</v>
      </c>
      <c r="AL35" s="11"/>
      <c r="AM35" s="11"/>
      <c r="AN35" s="11"/>
      <c r="AO35" s="11"/>
    </row>
    <row r="36" spans="1:41" s="12" customFormat="1" ht="132.5" x14ac:dyDescent="0.2">
      <c r="A36" s="33">
        <v>29</v>
      </c>
      <c r="B36" s="33" t="s">
        <v>800</v>
      </c>
      <c r="C36" s="33" t="s">
        <v>807</v>
      </c>
      <c r="D36" s="33">
        <v>1</v>
      </c>
      <c r="E36" s="34" t="s">
        <v>530</v>
      </c>
      <c r="F36" s="34" t="s">
        <v>531</v>
      </c>
      <c r="G36" s="33" t="s">
        <v>532</v>
      </c>
      <c r="H36" s="34" t="s">
        <v>533</v>
      </c>
      <c r="I36" s="34" t="s">
        <v>534</v>
      </c>
      <c r="J36" s="33" t="s">
        <v>535</v>
      </c>
      <c r="K36" s="34" t="s">
        <v>536</v>
      </c>
      <c r="L36" s="34" t="s">
        <v>537</v>
      </c>
      <c r="M36" s="34" t="s">
        <v>876</v>
      </c>
      <c r="N36" s="34" t="s">
        <v>865</v>
      </c>
      <c r="O36" s="34" t="s">
        <v>538</v>
      </c>
      <c r="P36" s="34"/>
      <c r="Q36" s="33"/>
      <c r="R36" s="33"/>
      <c r="S36" s="33"/>
      <c r="T36" s="33"/>
      <c r="U36" s="33"/>
      <c r="V36" s="33" t="s">
        <v>539</v>
      </c>
      <c r="W36" s="34" t="s">
        <v>171</v>
      </c>
      <c r="X36" s="33"/>
      <c r="Y36" s="34"/>
      <c r="Z36" s="33"/>
      <c r="AA36" s="34"/>
      <c r="AB36" s="33" t="s">
        <v>34</v>
      </c>
      <c r="AC36" s="34" t="s">
        <v>540</v>
      </c>
      <c r="AD36" s="34" t="s">
        <v>740</v>
      </c>
      <c r="AE36" s="34" t="s">
        <v>718</v>
      </c>
      <c r="AF36" s="34"/>
      <c r="AG36" s="33"/>
      <c r="AH36" s="34"/>
      <c r="AI36" s="33" t="s">
        <v>34</v>
      </c>
      <c r="AJ36" s="34" t="s">
        <v>541</v>
      </c>
      <c r="AK36" s="34" t="s">
        <v>789</v>
      </c>
      <c r="AL36" s="11"/>
      <c r="AM36" s="11"/>
      <c r="AN36" s="11"/>
    </row>
    <row r="37" spans="1:41" s="12" customFormat="1" ht="79.5" x14ac:dyDescent="0.2">
      <c r="A37" s="33">
        <v>30</v>
      </c>
      <c r="B37" s="33" t="s">
        <v>800</v>
      </c>
      <c r="C37" s="33" t="s">
        <v>807</v>
      </c>
      <c r="D37" s="33">
        <v>2</v>
      </c>
      <c r="E37" s="34" t="s">
        <v>542</v>
      </c>
      <c r="F37" s="34" t="s">
        <v>543</v>
      </c>
      <c r="G37" s="33" t="s">
        <v>544</v>
      </c>
      <c r="H37" s="34" t="s">
        <v>545</v>
      </c>
      <c r="I37" s="34" t="s">
        <v>546</v>
      </c>
      <c r="J37" s="33" t="s">
        <v>547</v>
      </c>
      <c r="K37" s="34" t="s">
        <v>548</v>
      </c>
      <c r="L37" s="34" t="s">
        <v>549</v>
      </c>
      <c r="M37" s="34" t="s">
        <v>839</v>
      </c>
      <c r="N37" s="34" t="s">
        <v>865</v>
      </c>
      <c r="O37" s="34" t="s">
        <v>550</v>
      </c>
      <c r="P37" s="34" t="s">
        <v>551</v>
      </c>
      <c r="Q37" s="33"/>
      <c r="R37" s="33"/>
      <c r="S37" s="33"/>
      <c r="T37" s="33"/>
      <c r="U37" s="33"/>
      <c r="V37" s="33" t="s">
        <v>69</v>
      </c>
      <c r="W37" s="34"/>
      <c r="X37" s="33" t="s">
        <v>34</v>
      </c>
      <c r="Y37" s="34" t="s">
        <v>552</v>
      </c>
      <c r="Z37" s="33"/>
      <c r="AA37" s="34"/>
      <c r="AB37" s="33" t="s">
        <v>34</v>
      </c>
      <c r="AC37" s="34" t="s">
        <v>553</v>
      </c>
      <c r="AD37" s="34" t="s">
        <v>717</v>
      </c>
      <c r="AE37" s="34" t="s">
        <v>715</v>
      </c>
      <c r="AF37" s="34" t="s">
        <v>713</v>
      </c>
      <c r="AG37" s="33" t="s">
        <v>34</v>
      </c>
      <c r="AH37" s="34" t="s">
        <v>554</v>
      </c>
      <c r="AI37" s="33"/>
      <c r="AJ37" s="34"/>
      <c r="AK37" s="34" t="s">
        <v>790</v>
      </c>
      <c r="AL37" s="11"/>
      <c r="AM37" s="11"/>
      <c r="AN37" s="11"/>
    </row>
    <row r="38" spans="1:41" s="12" customFormat="1" ht="132.5" x14ac:dyDescent="0.2">
      <c r="A38" s="33">
        <v>31</v>
      </c>
      <c r="B38" s="33" t="s">
        <v>802</v>
      </c>
      <c r="C38" s="33" t="s">
        <v>807</v>
      </c>
      <c r="D38" s="33">
        <v>2</v>
      </c>
      <c r="E38" s="34" t="s">
        <v>555</v>
      </c>
      <c r="F38" s="34" t="s">
        <v>556</v>
      </c>
      <c r="G38" s="33" t="s">
        <v>557</v>
      </c>
      <c r="H38" s="34" t="s">
        <v>558</v>
      </c>
      <c r="I38" s="34" t="s">
        <v>559</v>
      </c>
      <c r="J38" s="33" t="s">
        <v>560</v>
      </c>
      <c r="K38" s="34" t="s">
        <v>561</v>
      </c>
      <c r="L38" s="34" t="s">
        <v>562</v>
      </c>
      <c r="M38" s="34" t="s">
        <v>835</v>
      </c>
      <c r="N38" s="34" t="s">
        <v>866</v>
      </c>
      <c r="O38" s="34" t="s">
        <v>563</v>
      </c>
      <c r="P38" s="34"/>
      <c r="Q38" s="33"/>
      <c r="R38" s="33"/>
      <c r="S38" s="33"/>
      <c r="T38" s="33"/>
      <c r="U38" s="33"/>
      <c r="V38" s="33" t="s">
        <v>33</v>
      </c>
      <c r="W38" s="34"/>
      <c r="X38" s="33"/>
      <c r="Y38" s="34"/>
      <c r="Z38" s="33"/>
      <c r="AA38" s="34"/>
      <c r="AB38" s="33" t="s">
        <v>34</v>
      </c>
      <c r="AC38" s="34" t="s">
        <v>564</v>
      </c>
      <c r="AD38" s="34" t="s">
        <v>741</v>
      </c>
      <c r="AE38" s="34" t="s">
        <v>715</v>
      </c>
      <c r="AF38" s="34"/>
      <c r="AG38" s="33"/>
      <c r="AH38" s="34"/>
      <c r="AI38" s="33"/>
      <c r="AJ38" s="34"/>
      <c r="AK38" s="39" t="s">
        <v>791</v>
      </c>
    </row>
    <row r="39" spans="1:41" s="12" customFormat="1" ht="115.75" customHeight="1" x14ac:dyDescent="0.2">
      <c r="A39" s="33">
        <v>32</v>
      </c>
      <c r="B39" s="33" t="s">
        <v>802</v>
      </c>
      <c r="C39" s="33" t="s">
        <v>807</v>
      </c>
      <c r="D39" s="33">
        <v>2</v>
      </c>
      <c r="E39" s="34" t="s">
        <v>565</v>
      </c>
      <c r="F39" s="34" t="s">
        <v>566</v>
      </c>
      <c r="G39" s="33" t="s">
        <v>567</v>
      </c>
      <c r="H39" s="34" t="s">
        <v>568</v>
      </c>
      <c r="I39" s="34" t="s">
        <v>569</v>
      </c>
      <c r="J39" s="33" t="s">
        <v>570</v>
      </c>
      <c r="K39" s="34" t="s">
        <v>571</v>
      </c>
      <c r="L39" s="34" t="s">
        <v>572</v>
      </c>
      <c r="M39" s="34" t="s">
        <v>840</v>
      </c>
      <c r="N39" s="34" t="s">
        <v>865</v>
      </c>
      <c r="O39" s="34"/>
      <c r="P39" s="34"/>
      <c r="Q39" s="33"/>
      <c r="R39" s="33"/>
      <c r="S39" s="33"/>
      <c r="T39" s="33"/>
      <c r="U39" s="33"/>
      <c r="V39" s="33" t="s">
        <v>33</v>
      </c>
      <c r="W39" s="34"/>
      <c r="X39" s="33"/>
      <c r="Y39" s="34"/>
      <c r="Z39" s="33"/>
      <c r="AA39" s="34"/>
      <c r="AB39" s="33" t="s">
        <v>34</v>
      </c>
      <c r="AC39" s="34" t="s">
        <v>573</v>
      </c>
      <c r="AD39" s="34" t="s">
        <v>717</v>
      </c>
      <c r="AE39" s="34" t="s">
        <v>715</v>
      </c>
      <c r="AF39" s="34"/>
      <c r="AG39" s="33"/>
      <c r="AH39" s="34"/>
      <c r="AI39" s="33"/>
      <c r="AJ39" s="34"/>
      <c r="AK39" s="39" t="s">
        <v>792</v>
      </c>
    </row>
    <row r="40" spans="1:41" s="12" customFormat="1" ht="132.5" x14ac:dyDescent="0.2">
      <c r="A40" s="33">
        <v>33</v>
      </c>
      <c r="B40" s="33" t="s">
        <v>802</v>
      </c>
      <c r="C40" s="33" t="s">
        <v>807</v>
      </c>
      <c r="D40" s="33">
        <v>2</v>
      </c>
      <c r="E40" s="34" t="s">
        <v>574</v>
      </c>
      <c r="F40" s="34" t="s">
        <v>575</v>
      </c>
      <c r="G40" s="33" t="s">
        <v>576</v>
      </c>
      <c r="H40" s="34" t="s">
        <v>577</v>
      </c>
      <c r="I40" s="34" t="s">
        <v>578</v>
      </c>
      <c r="J40" s="33" t="s">
        <v>579</v>
      </c>
      <c r="K40" s="34" t="s">
        <v>580</v>
      </c>
      <c r="L40" s="34" t="s">
        <v>581</v>
      </c>
      <c r="M40" s="34" t="s">
        <v>841</v>
      </c>
      <c r="N40" s="34" t="s">
        <v>865</v>
      </c>
      <c r="O40" s="34"/>
      <c r="P40" s="34"/>
      <c r="Q40" s="33"/>
      <c r="R40" s="33"/>
      <c r="S40" s="33"/>
      <c r="T40" s="33"/>
      <c r="U40" s="33"/>
      <c r="V40" s="33" t="s">
        <v>33</v>
      </c>
      <c r="W40" s="34"/>
      <c r="X40" s="33"/>
      <c r="Y40" s="34"/>
      <c r="Z40" s="33"/>
      <c r="AA40" s="34"/>
      <c r="AB40" s="33" t="s">
        <v>34</v>
      </c>
      <c r="AC40" s="34" t="s">
        <v>582</v>
      </c>
      <c r="AD40" s="34" t="s">
        <v>717</v>
      </c>
      <c r="AE40" s="34" t="s">
        <v>715</v>
      </c>
      <c r="AF40" s="34"/>
      <c r="AG40" s="33"/>
      <c r="AH40" s="34"/>
      <c r="AI40" s="33"/>
      <c r="AJ40" s="34"/>
      <c r="AK40" s="39" t="s">
        <v>793</v>
      </c>
    </row>
    <row r="41" spans="1:41" s="12" customFormat="1" ht="121.75" customHeight="1" x14ac:dyDescent="0.2">
      <c r="A41" s="33">
        <v>34</v>
      </c>
      <c r="B41" s="33" t="s">
        <v>802</v>
      </c>
      <c r="C41" s="33" t="s">
        <v>807</v>
      </c>
      <c r="D41" s="33">
        <v>1</v>
      </c>
      <c r="E41" s="34" t="s">
        <v>583</v>
      </c>
      <c r="F41" s="34" t="s">
        <v>630</v>
      </c>
      <c r="G41" s="33" t="s">
        <v>584</v>
      </c>
      <c r="H41" s="34" t="s">
        <v>585</v>
      </c>
      <c r="I41" s="34" t="s">
        <v>586</v>
      </c>
      <c r="J41" s="33" t="s">
        <v>587</v>
      </c>
      <c r="K41" s="34" t="s">
        <v>588</v>
      </c>
      <c r="L41" s="34" t="s">
        <v>589</v>
      </c>
      <c r="M41" s="34" t="s">
        <v>842</v>
      </c>
      <c r="N41" s="34" t="s">
        <v>865</v>
      </c>
      <c r="O41" s="34" t="s">
        <v>590</v>
      </c>
      <c r="P41" s="34"/>
      <c r="Q41" s="33" t="s">
        <v>424</v>
      </c>
      <c r="R41" s="33" t="s">
        <v>631</v>
      </c>
      <c r="S41" s="33"/>
      <c r="T41" s="33"/>
      <c r="U41" s="33"/>
      <c r="V41" s="33" t="s">
        <v>92</v>
      </c>
      <c r="W41" s="34" t="s">
        <v>57</v>
      </c>
      <c r="X41" s="33"/>
      <c r="Y41" s="34"/>
      <c r="Z41" s="33"/>
      <c r="AA41" s="34"/>
      <c r="AB41" s="33" t="s">
        <v>34</v>
      </c>
      <c r="AC41" s="34" t="s">
        <v>591</v>
      </c>
      <c r="AD41" s="34" t="s">
        <v>719</v>
      </c>
      <c r="AE41" s="34"/>
      <c r="AF41" s="34" t="s">
        <v>713</v>
      </c>
      <c r="AG41" s="33" t="s">
        <v>34</v>
      </c>
      <c r="AH41" s="34" t="s">
        <v>592</v>
      </c>
      <c r="AI41" s="33"/>
      <c r="AJ41" s="34"/>
      <c r="AK41" s="39"/>
    </row>
    <row r="42" spans="1:41" s="12" customFormat="1" ht="220" customHeight="1" x14ac:dyDescent="0.2">
      <c r="A42" s="33">
        <v>35</v>
      </c>
      <c r="B42" s="33" t="s">
        <v>803</v>
      </c>
      <c r="C42" s="33" t="s">
        <v>807</v>
      </c>
      <c r="D42" s="33">
        <v>2</v>
      </c>
      <c r="E42" s="34" t="s">
        <v>618</v>
      </c>
      <c r="F42" s="34" t="s">
        <v>619</v>
      </c>
      <c r="G42" s="33" t="s">
        <v>620</v>
      </c>
      <c r="H42" s="34" t="s">
        <v>621</v>
      </c>
      <c r="I42" s="34" t="s">
        <v>622</v>
      </c>
      <c r="J42" s="33" t="s">
        <v>623</v>
      </c>
      <c r="K42" s="34" t="s">
        <v>1090</v>
      </c>
      <c r="L42" s="34" t="s">
        <v>624</v>
      </c>
      <c r="M42" s="34" t="s">
        <v>1091</v>
      </c>
      <c r="N42" s="34" t="s">
        <v>877</v>
      </c>
      <c r="O42" s="34" t="s">
        <v>1092</v>
      </c>
      <c r="P42" s="34" t="s">
        <v>625</v>
      </c>
      <c r="Q42" s="33"/>
      <c r="R42" s="33"/>
      <c r="S42" s="33"/>
      <c r="T42" s="33"/>
      <c r="U42" s="33"/>
      <c r="V42" s="33" t="s">
        <v>33</v>
      </c>
      <c r="W42" s="34"/>
      <c r="X42" s="33" t="s">
        <v>34</v>
      </c>
      <c r="Y42" s="34" t="s">
        <v>1093</v>
      </c>
      <c r="Z42" s="33" t="s">
        <v>34</v>
      </c>
      <c r="AA42" s="34" t="s">
        <v>1094</v>
      </c>
      <c r="AB42" s="33" t="s">
        <v>34</v>
      </c>
      <c r="AC42" s="34" t="s">
        <v>1094</v>
      </c>
      <c r="AD42" s="34" t="s">
        <v>744</v>
      </c>
      <c r="AE42" s="34" t="s">
        <v>727</v>
      </c>
      <c r="AF42" s="34" t="s">
        <v>720</v>
      </c>
      <c r="AG42" s="33" t="s">
        <v>34</v>
      </c>
      <c r="AH42" s="34" t="s">
        <v>1095</v>
      </c>
      <c r="AI42" s="33"/>
      <c r="AJ42" s="34"/>
      <c r="AK42" s="39" t="s">
        <v>795</v>
      </c>
    </row>
    <row r="43" spans="1:41" s="12" customFormat="1" ht="106" x14ac:dyDescent="0.2">
      <c r="A43" s="33">
        <v>36</v>
      </c>
      <c r="B43" s="33" t="s">
        <v>904</v>
      </c>
      <c r="C43" s="33" t="s">
        <v>807</v>
      </c>
      <c r="D43" s="33">
        <v>2</v>
      </c>
      <c r="E43" s="34" t="s">
        <v>636</v>
      </c>
      <c r="F43" s="34" t="s">
        <v>667</v>
      </c>
      <c r="G43" s="33" t="s">
        <v>668</v>
      </c>
      <c r="H43" s="34" t="s">
        <v>669</v>
      </c>
      <c r="I43" s="34" t="s">
        <v>670</v>
      </c>
      <c r="J43" s="40" t="s">
        <v>671</v>
      </c>
      <c r="K43" s="34" t="s">
        <v>672</v>
      </c>
      <c r="L43" s="34" t="s">
        <v>673</v>
      </c>
      <c r="M43" s="34" t="s">
        <v>843</v>
      </c>
      <c r="N43" s="34" t="s">
        <v>878</v>
      </c>
      <c r="O43" s="34"/>
      <c r="P43" s="34"/>
      <c r="Q43" s="33"/>
      <c r="R43" s="33"/>
      <c r="S43" s="33"/>
      <c r="T43" s="33"/>
      <c r="U43" s="33"/>
      <c r="V43" s="33" t="s">
        <v>33</v>
      </c>
      <c r="W43" s="34"/>
      <c r="X43" s="33"/>
      <c r="Y43" s="34"/>
      <c r="Z43" s="33"/>
      <c r="AA43" s="34"/>
      <c r="AB43" s="33" t="s">
        <v>34</v>
      </c>
      <c r="AC43" s="34" t="s">
        <v>674</v>
      </c>
      <c r="AD43" s="34" t="s">
        <v>735</v>
      </c>
      <c r="AE43" s="34" t="s">
        <v>745</v>
      </c>
      <c r="AF43" s="34" t="s">
        <v>747</v>
      </c>
      <c r="AG43" s="33"/>
      <c r="AH43" s="34"/>
      <c r="AI43" s="33"/>
      <c r="AJ43" s="34"/>
      <c r="AK43" s="39"/>
    </row>
    <row r="44" spans="1:41" s="12" customFormat="1" ht="96" customHeight="1" x14ac:dyDescent="0.2">
      <c r="A44" s="33">
        <v>37</v>
      </c>
      <c r="B44" s="33" t="s">
        <v>940</v>
      </c>
      <c r="C44" s="33" t="s">
        <v>926</v>
      </c>
      <c r="D44" s="33">
        <v>2</v>
      </c>
      <c r="E44" s="34" t="s">
        <v>928</v>
      </c>
      <c r="F44" s="34" t="s">
        <v>927</v>
      </c>
      <c r="G44" s="33" t="s">
        <v>929</v>
      </c>
      <c r="H44" s="34" t="s">
        <v>930</v>
      </c>
      <c r="I44" s="34" t="s">
        <v>931</v>
      </c>
      <c r="J44" s="40" t="s">
        <v>932</v>
      </c>
      <c r="K44" s="34" t="s">
        <v>933</v>
      </c>
      <c r="L44" s="34" t="s">
        <v>934</v>
      </c>
      <c r="M44" s="34" t="s">
        <v>935</v>
      </c>
      <c r="N44" s="34" t="s">
        <v>936</v>
      </c>
      <c r="O44" s="34" t="s">
        <v>937</v>
      </c>
      <c r="P44" s="34" t="s">
        <v>938</v>
      </c>
      <c r="Q44" s="33"/>
      <c r="R44" s="33"/>
      <c r="S44" s="33"/>
      <c r="T44" s="33"/>
      <c r="U44" s="33"/>
      <c r="V44" s="33" t="s">
        <v>1009</v>
      </c>
      <c r="W44" s="34"/>
      <c r="X44" s="33"/>
      <c r="Y44" s="34"/>
      <c r="Z44" s="33"/>
      <c r="AA44" s="34"/>
      <c r="AB44" s="33"/>
      <c r="AC44" s="34"/>
      <c r="AD44" s="34" t="s">
        <v>939</v>
      </c>
      <c r="AE44" s="34" t="s">
        <v>745</v>
      </c>
      <c r="AF44" s="34" t="s">
        <v>747</v>
      </c>
      <c r="AG44" s="33"/>
      <c r="AH44" s="34"/>
      <c r="AI44" s="33"/>
      <c r="AJ44" s="34"/>
      <c r="AK44" s="39"/>
    </row>
    <row r="45" spans="1:41" s="12" customFormat="1" ht="96" customHeight="1" x14ac:dyDescent="0.2">
      <c r="A45" s="33">
        <v>38</v>
      </c>
      <c r="B45" s="33" t="s">
        <v>982</v>
      </c>
      <c r="C45" s="33" t="s">
        <v>808</v>
      </c>
      <c r="D45" s="33">
        <v>2</v>
      </c>
      <c r="E45" s="34" t="s">
        <v>997</v>
      </c>
      <c r="F45" s="34" t="s">
        <v>998</v>
      </c>
      <c r="G45" s="33" t="s">
        <v>999</v>
      </c>
      <c r="H45" s="34" t="s">
        <v>1004</v>
      </c>
      <c r="I45" s="34" t="s">
        <v>1000</v>
      </c>
      <c r="J45" s="40" t="s">
        <v>1001</v>
      </c>
      <c r="K45" s="34" t="s">
        <v>1005</v>
      </c>
      <c r="L45" s="34" t="s">
        <v>1006</v>
      </c>
      <c r="M45" s="34" t="s">
        <v>1008</v>
      </c>
      <c r="N45" s="34" t="s">
        <v>1007</v>
      </c>
      <c r="O45" s="34" t="s">
        <v>1002</v>
      </c>
      <c r="P45" s="34" t="s">
        <v>1003</v>
      </c>
      <c r="Q45" s="33"/>
      <c r="R45" s="33"/>
      <c r="S45" s="33" t="s">
        <v>424</v>
      </c>
      <c r="T45" s="33"/>
      <c r="U45" s="33"/>
      <c r="V45" s="33" t="s">
        <v>1009</v>
      </c>
      <c r="W45" s="34"/>
      <c r="X45" s="33" t="s">
        <v>34</v>
      </c>
      <c r="Y45" s="34" t="s">
        <v>1010</v>
      </c>
      <c r="Z45" s="33"/>
      <c r="AA45" s="34"/>
      <c r="AB45" s="33" t="s">
        <v>34</v>
      </c>
      <c r="AC45" s="34" t="s">
        <v>1011</v>
      </c>
      <c r="AD45" s="34" t="s">
        <v>1012</v>
      </c>
      <c r="AE45" s="34" t="s">
        <v>1013</v>
      </c>
      <c r="AF45" s="34"/>
      <c r="AG45" s="34" t="s">
        <v>34</v>
      </c>
      <c r="AH45" s="34" t="s">
        <v>1010</v>
      </c>
      <c r="AI45" s="34" t="s">
        <v>631</v>
      </c>
      <c r="AJ45" s="34" t="s">
        <v>1014</v>
      </c>
      <c r="AK45" s="39"/>
    </row>
    <row r="46" spans="1:41" s="12" customFormat="1" ht="96" customHeight="1" x14ac:dyDescent="0.2">
      <c r="A46" s="33">
        <v>39</v>
      </c>
      <c r="B46" s="33" t="s">
        <v>982</v>
      </c>
      <c r="C46" s="33" t="s">
        <v>808</v>
      </c>
      <c r="D46" s="33">
        <v>2</v>
      </c>
      <c r="E46" s="34" t="s">
        <v>1015</v>
      </c>
      <c r="F46" s="34" t="s">
        <v>1016</v>
      </c>
      <c r="G46" s="33" t="s">
        <v>1017</v>
      </c>
      <c r="H46" s="34" t="s">
        <v>1019</v>
      </c>
      <c r="I46" s="34" t="s">
        <v>1020</v>
      </c>
      <c r="J46" s="40" t="s">
        <v>1018</v>
      </c>
      <c r="K46" s="34" t="s">
        <v>1144</v>
      </c>
      <c r="L46" s="34" t="s">
        <v>1021</v>
      </c>
      <c r="M46" s="34" t="s">
        <v>1022</v>
      </c>
      <c r="N46" s="34" t="s">
        <v>1024</v>
      </c>
      <c r="O46" s="34" t="s">
        <v>1025</v>
      </c>
      <c r="P46" s="34" t="s">
        <v>1003</v>
      </c>
      <c r="Q46" s="33"/>
      <c r="R46" s="33"/>
      <c r="S46" s="33" t="s">
        <v>424</v>
      </c>
      <c r="T46" s="33"/>
      <c r="U46" s="33"/>
      <c r="V46" s="33" t="s">
        <v>1009</v>
      </c>
      <c r="W46" s="34"/>
      <c r="X46" s="33"/>
      <c r="Y46" s="34"/>
      <c r="Z46" s="33"/>
      <c r="AA46" s="34"/>
      <c r="AB46" s="33" t="s">
        <v>34</v>
      </c>
      <c r="AC46" s="34" t="s">
        <v>1026</v>
      </c>
      <c r="AD46" s="34" t="s">
        <v>1027</v>
      </c>
      <c r="AE46" s="34" t="s">
        <v>1028</v>
      </c>
      <c r="AF46" s="34"/>
      <c r="AG46" s="34" t="s">
        <v>34</v>
      </c>
      <c r="AH46" s="34" t="s">
        <v>1029</v>
      </c>
      <c r="AI46" s="34" t="s">
        <v>34</v>
      </c>
      <c r="AJ46" s="34" t="s">
        <v>1029</v>
      </c>
      <c r="AK46" s="39"/>
    </row>
    <row r="47" spans="1:41" s="12" customFormat="1" ht="208.5" customHeight="1" x14ac:dyDescent="0.2">
      <c r="A47" s="33">
        <v>40</v>
      </c>
      <c r="B47" s="33" t="s">
        <v>982</v>
      </c>
      <c r="C47" s="33" t="s">
        <v>808</v>
      </c>
      <c r="D47" s="33">
        <v>2</v>
      </c>
      <c r="E47" s="34" t="s">
        <v>1056</v>
      </c>
      <c r="F47" s="34" t="s">
        <v>1057</v>
      </c>
      <c r="G47" s="33" t="s">
        <v>1058</v>
      </c>
      <c r="H47" s="34" t="s">
        <v>1059</v>
      </c>
      <c r="I47" s="34" t="s">
        <v>1060</v>
      </c>
      <c r="J47" s="40" t="s">
        <v>1061</v>
      </c>
      <c r="K47" s="34" t="s">
        <v>1062</v>
      </c>
      <c r="L47" s="41" t="s">
        <v>1063</v>
      </c>
      <c r="M47" s="34" t="s">
        <v>1064</v>
      </c>
      <c r="N47" s="34" t="s">
        <v>1065</v>
      </c>
      <c r="O47" s="34" t="s">
        <v>1066</v>
      </c>
      <c r="P47" s="34" t="s">
        <v>1067</v>
      </c>
      <c r="Q47" s="33"/>
      <c r="R47" s="33"/>
      <c r="S47" s="33" t="s">
        <v>1068</v>
      </c>
      <c r="T47" s="33" t="s">
        <v>1068</v>
      </c>
      <c r="U47" s="33" t="s">
        <v>1068</v>
      </c>
      <c r="V47" s="33" t="s">
        <v>1069</v>
      </c>
      <c r="W47" s="34"/>
      <c r="X47" s="33"/>
      <c r="Y47" s="34"/>
      <c r="Z47" s="33"/>
      <c r="AA47" s="34"/>
      <c r="AB47" s="33" t="s">
        <v>1068</v>
      </c>
      <c r="AC47" s="34" t="s">
        <v>1070</v>
      </c>
      <c r="AD47" s="34" t="s">
        <v>1071</v>
      </c>
      <c r="AE47" s="34"/>
      <c r="AF47" s="34" t="s">
        <v>1068</v>
      </c>
      <c r="AG47" s="34" t="s">
        <v>126</v>
      </c>
      <c r="AH47" s="34" t="s">
        <v>1072</v>
      </c>
      <c r="AI47" s="34"/>
      <c r="AJ47" s="34"/>
      <c r="AK47" s="39" t="s">
        <v>1073</v>
      </c>
    </row>
    <row r="48" spans="1:41" s="11" customFormat="1" ht="130.25" customHeight="1" x14ac:dyDescent="0.2">
      <c r="A48" s="33">
        <v>41</v>
      </c>
      <c r="B48" s="33" t="s">
        <v>799</v>
      </c>
      <c r="C48" s="33" t="s">
        <v>809</v>
      </c>
      <c r="D48" s="33">
        <v>1</v>
      </c>
      <c r="E48" s="34" t="s">
        <v>48</v>
      </c>
      <c r="F48" s="34" t="s">
        <v>1127</v>
      </c>
      <c r="G48" s="33" t="s">
        <v>49</v>
      </c>
      <c r="H48" s="34" t="s">
        <v>50</v>
      </c>
      <c r="I48" s="34" t="s">
        <v>51</v>
      </c>
      <c r="J48" s="33" t="s">
        <v>52</v>
      </c>
      <c r="K48" s="34" t="s">
        <v>53</v>
      </c>
      <c r="L48" s="34" t="s">
        <v>54</v>
      </c>
      <c r="M48" s="34" t="s">
        <v>976</v>
      </c>
      <c r="N48" s="34" t="s">
        <v>879</v>
      </c>
      <c r="O48" s="34" t="s">
        <v>55</v>
      </c>
      <c r="P48" s="34"/>
      <c r="Q48" s="33" t="s">
        <v>34</v>
      </c>
      <c r="R48" s="33" t="s">
        <v>34</v>
      </c>
      <c r="S48" s="33"/>
      <c r="T48" s="33"/>
      <c r="U48" s="33"/>
      <c r="V48" s="33" t="s">
        <v>56</v>
      </c>
      <c r="W48" s="34" t="s">
        <v>57</v>
      </c>
      <c r="X48" s="33" t="s">
        <v>34</v>
      </c>
      <c r="Y48" s="34" t="s">
        <v>58</v>
      </c>
      <c r="Z48" s="33"/>
      <c r="AA48" s="34"/>
      <c r="AB48" s="33" t="s">
        <v>34</v>
      </c>
      <c r="AC48" s="34" t="s">
        <v>59</v>
      </c>
      <c r="AD48" s="34" t="s">
        <v>716</v>
      </c>
      <c r="AE48" s="34" t="s">
        <v>715</v>
      </c>
      <c r="AF48" s="34" t="s">
        <v>713</v>
      </c>
      <c r="AG48" s="33" t="s">
        <v>34</v>
      </c>
      <c r="AH48" s="34" t="s">
        <v>60</v>
      </c>
      <c r="AI48" s="33"/>
      <c r="AJ48" s="34"/>
      <c r="AK48" s="34" t="s">
        <v>753</v>
      </c>
    </row>
    <row r="49" spans="1:41" s="11" customFormat="1" ht="106" x14ac:dyDescent="0.2">
      <c r="A49" s="33">
        <v>42</v>
      </c>
      <c r="B49" s="33" t="s">
        <v>799</v>
      </c>
      <c r="C49" s="33" t="s">
        <v>809</v>
      </c>
      <c r="D49" s="33">
        <v>2</v>
      </c>
      <c r="E49" s="34" t="s">
        <v>36</v>
      </c>
      <c r="F49" s="34" t="s">
        <v>37</v>
      </c>
      <c r="G49" s="33" t="s">
        <v>38</v>
      </c>
      <c r="H49" s="34" t="s">
        <v>39</v>
      </c>
      <c r="I49" s="34" t="s">
        <v>40</v>
      </c>
      <c r="J49" s="33" t="s">
        <v>41</v>
      </c>
      <c r="K49" s="34" t="s">
        <v>42</v>
      </c>
      <c r="L49" s="34" t="s">
        <v>43</v>
      </c>
      <c r="M49" s="34" t="s">
        <v>844</v>
      </c>
      <c r="N49" s="34" t="s">
        <v>880</v>
      </c>
      <c r="O49" s="34" t="s">
        <v>44</v>
      </c>
      <c r="P49" s="34" t="s">
        <v>44</v>
      </c>
      <c r="Q49" s="33"/>
      <c r="R49" s="33"/>
      <c r="S49" s="33"/>
      <c r="T49" s="33"/>
      <c r="U49" s="33"/>
      <c r="V49" s="33" t="s">
        <v>33</v>
      </c>
      <c r="W49" s="34"/>
      <c r="X49" s="33"/>
      <c r="Y49" s="34"/>
      <c r="Z49" s="33"/>
      <c r="AA49" s="34"/>
      <c r="AB49" s="33" t="s">
        <v>34</v>
      </c>
      <c r="AC49" s="34" t="s">
        <v>45</v>
      </c>
      <c r="AD49" s="34" t="s">
        <v>714</v>
      </c>
      <c r="AE49" s="34" t="s">
        <v>715</v>
      </c>
      <c r="AF49" s="34"/>
      <c r="AG49" s="33" t="s">
        <v>34</v>
      </c>
      <c r="AH49" s="34" t="s">
        <v>46</v>
      </c>
      <c r="AI49" s="33" t="s">
        <v>34</v>
      </c>
      <c r="AJ49" s="34" t="s">
        <v>47</v>
      </c>
      <c r="AK49" s="34" t="s">
        <v>752</v>
      </c>
    </row>
    <row r="50" spans="1:41" s="11" customFormat="1" ht="159" x14ac:dyDescent="0.2">
      <c r="A50" s="33">
        <v>43</v>
      </c>
      <c r="B50" s="33" t="s">
        <v>799</v>
      </c>
      <c r="C50" s="33" t="s">
        <v>809</v>
      </c>
      <c r="D50" s="33">
        <v>2</v>
      </c>
      <c r="E50" s="34" t="s">
        <v>23</v>
      </c>
      <c r="F50" s="34" t="s">
        <v>24</v>
      </c>
      <c r="G50" s="33" t="s">
        <v>25</v>
      </c>
      <c r="H50" s="34" t="s">
        <v>26</v>
      </c>
      <c r="I50" s="34" t="s">
        <v>27</v>
      </c>
      <c r="J50" s="33" t="s">
        <v>28</v>
      </c>
      <c r="K50" s="34" t="s">
        <v>29</v>
      </c>
      <c r="L50" s="34" t="s">
        <v>30</v>
      </c>
      <c r="M50" s="34" t="s">
        <v>31</v>
      </c>
      <c r="N50" s="34" t="s">
        <v>31</v>
      </c>
      <c r="O50" s="34" t="s">
        <v>32</v>
      </c>
      <c r="P50" s="34"/>
      <c r="Q50" s="33"/>
      <c r="R50" s="33"/>
      <c r="S50" s="33"/>
      <c r="T50" s="33"/>
      <c r="U50" s="33"/>
      <c r="V50" s="33" t="s">
        <v>33</v>
      </c>
      <c r="W50" s="34"/>
      <c r="X50" s="33"/>
      <c r="Y50" s="34"/>
      <c r="Z50" s="33"/>
      <c r="AA50" s="34"/>
      <c r="AB50" s="33" t="s">
        <v>34</v>
      </c>
      <c r="AC50" s="34" t="s">
        <v>35</v>
      </c>
      <c r="AD50" s="34" t="s">
        <v>711</v>
      </c>
      <c r="AE50" s="34" t="s">
        <v>712</v>
      </c>
      <c r="AF50" s="34" t="s">
        <v>713</v>
      </c>
      <c r="AG50" s="33"/>
      <c r="AH50" s="34"/>
      <c r="AI50" s="33"/>
      <c r="AJ50" s="34"/>
      <c r="AK50" s="34" t="s">
        <v>751</v>
      </c>
    </row>
    <row r="51" spans="1:41" s="11" customFormat="1" ht="106" x14ac:dyDescent="0.2">
      <c r="A51" s="33">
        <v>44</v>
      </c>
      <c r="B51" s="33" t="s">
        <v>801</v>
      </c>
      <c r="C51" s="33" t="s">
        <v>809</v>
      </c>
      <c r="D51" s="33">
        <v>2</v>
      </c>
      <c r="E51" s="34" t="s">
        <v>61</v>
      </c>
      <c r="F51" s="34" t="s">
        <v>62</v>
      </c>
      <c r="G51" s="33" t="s">
        <v>63</v>
      </c>
      <c r="H51" s="34" t="s">
        <v>64</v>
      </c>
      <c r="I51" s="34" t="s">
        <v>65</v>
      </c>
      <c r="J51" s="33" t="s">
        <v>66</v>
      </c>
      <c r="K51" s="34" t="s">
        <v>67</v>
      </c>
      <c r="L51" s="34" t="s">
        <v>68</v>
      </c>
      <c r="M51" s="34" t="s">
        <v>845</v>
      </c>
      <c r="N51" s="34" t="s">
        <v>865</v>
      </c>
      <c r="O51" s="34"/>
      <c r="P51" s="34"/>
      <c r="Q51" s="33"/>
      <c r="R51" s="33"/>
      <c r="S51" s="33"/>
      <c r="T51" s="33"/>
      <c r="U51" s="33"/>
      <c r="V51" s="33" t="s">
        <v>69</v>
      </c>
      <c r="W51" s="34"/>
      <c r="X51" s="33"/>
      <c r="Y51" s="34"/>
      <c r="Z51" s="33"/>
      <c r="AA51" s="34"/>
      <c r="AB51" s="33" t="s">
        <v>34</v>
      </c>
      <c r="AC51" s="34" t="s">
        <v>70</v>
      </c>
      <c r="AD51" s="34" t="s">
        <v>717</v>
      </c>
      <c r="AE51" s="34" t="s">
        <v>718</v>
      </c>
      <c r="AF51" s="34"/>
      <c r="AG51" s="33"/>
      <c r="AH51" s="34"/>
      <c r="AI51" s="33"/>
      <c r="AJ51" s="34" t="s">
        <v>71</v>
      </c>
      <c r="AK51" s="34"/>
    </row>
    <row r="52" spans="1:41" s="11" customFormat="1" ht="159" x14ac:dyDescent="0.2">
      <c r="A52" s="33">
        <v>45</v>
      </c>
      <c r="B52" s="33" t="s">
        <v>802</v>
      </c>
      <c r="C52" s="33" t="s">
        <v>809</v>
      </c>
      <c r="D52" s="33">
        <v>1</v>
      </c>
      <c r="E52" s="34" t="s">
        <v>599</v>
      </c>
      <c r="F52" s="34" t="s">
        <v>600</v>
      </c>
      <c r="G52" s="33" t="s">
        <v>601</v>
      </c>
      <c r="H52" s="34" t="s">
        <v>602</v>
      </c>
      <c r="I52" s="34" t="s">
        <v>603</v>
      </c>
      <c r="J52" s="33" t="s">
        <v>604</v>
      </c>
      <c r="K52" s="34" t="s">
        <v>605</v>
      </c>
      <c r="L52" s="34" t="s">
        <v>606</v>
      </c>
      <c r="M52" s="34" t="s">
        <v>846</v>
      </c>
      <c r="N52" s="34" t="s">
        <v>902</v>
      </c>
      <c r="O52" s="34" t="s">
        <v>607</v>
      </c>
      <c r="P52" s="34"/>
      <c r="Q52" s="33" t="s">
        <v>424</v>
      </c>
      <c r="R52" s="33"/>
      <c r="S52" s="33" t="s">
        <v>424</v>
      </c>
      <c r="T52" s="33"/>
      <c r="U52" s="33"/>
      <c r="V52" s="33" t="s">
        <v>92</v>
      </c>
      <c r="W52" s="34" t="s">
        <v>171</v>
      </c>
      <c r="X52" s="33"/>
      <c r="Y52" s="34"/>
      <c r="Z52" s="33"/>
      <c r="AA52" s="34"/>
      <c r="AB52" s="33" t="s">
        <v>34</v>
      </c>
      <c r="AC52" s="34" t="s">
        <v>591</v>
      </c>
      <c r="AD52" s="34" t="s">
        <v>719</v>
      </c>
      <c r="AE52" s="34"/>
      <c r="AF52" s="34" t="s">
        <v>720</v>
      </c>
      <c r="AG52" s="33" t="s">
        <v>34</v>
      </c>
      <c r="AH52" s="34" t="s">
        <v>608</v>
      </c>
      <c r="AI52" s="33"/>
      <c r="AJ52" s="34"/>
      <c r="AK52" s="39"/>
      <c r="AL52" s="12"/>
      <c r="AM52" s="12"/>
      <c r="AN52" s="12"/>
      <c r="AO52" s="12"/>
    </row>
    <row r="53" spans="1:41" s="11" customFormat="1" ht="79.5" x14ac:dyDescent="0.2">
      <c r="A53" s="33">
        <v>46</v>
      </c>
      <c r="B53" s="33" t="s">
        <v>1044</v>
      </c>
      <c r="C53" s="33" t="s">
        <v>809</v>
      </c>
      <c r="D53" s="33">
        <v>2</v>
      </c>
      <c r="E53" s="34" t="s">
        <v>1045</v>
      </c>
      <c r="F53" s="34" t="s">
        <v>1046</v>
      </c>
      <c r="G53" s="33" t="s">
        <v>1050</v>
      </c>
      <c r="H53" s="34" t="s">
        <v>1047</v>
      </c>
      <c r="I53" s="34" t="s">
        <v>1051</v>
      </c>
      <c r="J53" s="33" t="s">
        <v>1048</v>
      </c>
      <c r="K53" s="34" t="s">
        <v>1145</v>
      </c>
      <c r="L53" s="34" t="s">
        <v>1049</v>
      </c>
      <c r="M53" s="34" t="s">
        <v>1055</v>
      </c>
      <c r="N53" s="34" t="s">
        <v>1024</v>
      </c>
      <c r="O53" s="34" t="s">
        <v>1038</v>
      </c>
      <c r="P53" s="34" t="s">
        <v>1003</v>
      </c>
      <c r="Q53" s="33"/>
      <c r="R53" s="33"/>
      <c r="S53" s="33" t="s">
        <v>424</v>
      </c>
      <c r="T53" s="33"/>
      <c r="U53" s="33"/>
      <c r="V53" s="33" t="s">
        <v>1052</v>
      </c>
      <c r="W53" s="34" t="s">
        <v>171</v>
      </c>
      <c r="X53" s="33"/>
      <c r="Y53" s="34"/>
      <c r="Z53" s="33"/>
      <c r="AA53" s="34"/>
      <c r="AB53" s="33" t="s">
        <v>34</v>
      </c>
      <c r="AC53" s="34" t="s">
        <v>1040</v>
      </c>
      <c r="AD53" s="34" t="s">
        <v>1146</v>
      </c>
      <c r="AE53" s="34" t="s">
        <v>1042</v>
      </c>
      <c r="AF53" s="34"/>
      <c r="AG53" s="33" t="s">
        <v>34</v>
      </c>
      <c r="AH53" s="34" t="s">
        <v>1054</v>
      </c>
      <c r="AI53" s="33" t="s">
        <v>34</v>
      </c>
      <c r="AJ53" s="34" t="s">
        <v>1054</v>
      </c>
      <c r="AK53" s="39"/>
      <c r="AL53" s="12"/>
      <c r="AM53" s="12"/>
      <c r="AN53" s="12"/>
      <c r="AO53" s="12"/>
    </row>
    <row r="54" spans="1:41" s="11" customFormat="1" ht="106" x14ac:dyDescent="0.2">
      <c r="A54" s="33">
        <v>47</v>
      </c>
      <c r="B54" s="33" t="s">
        <v>802</v>
      </c>
      <c r="C54" s="33" t="s">
        <v>810</v>
      </c>
      <c r="D54" s="33">
        <v>2</v>
      </c>
      <c r="E54" s="34" t="s">
        <v>72</v>
      </c>
      <c r="F54" s="34" t="s">
        <v>73</v>
      </c>
      <c r="G54" s="33" t="s">
        <v>74</v>
      </c>
      <c r="H54" s="34" t="s">
        <v>75</v>
      </c>
      <c r="I54" s="34" t="s">
        <v>76</v>
      </c>
      <c r="J54" s="33" t="s">
        <v>77</v>
      </c>
      <c r="K54" s="34" t="s">
        <v>78</v>
      </c>
      <c r="L54" s="34" t="s">
        <v>79</v>
      </c>
      <c r="M54" s="34" t="s">
        <v>830</v>
      </c>
      <c r="N54" s="34" t="s">
        <v>863</v>
      </c>
      <c r="O54" s="34" t="s">
        <v>80</v>
      </c>
      <c r="P54" s="34" t="s">
        <v>81</v>
      </c>
      <c r="Q54" s="33"/>
      <c r="R54" s="33"/>
      <c r="S54" s="33"/>
      <c r="T54" s="33"/>
      <c r="U54" s="33"/>
      <c r="V54" s="33" t="s">
        <v>33</v>
      </c>
      <c r="W54" s="34"/>
      <c r="X54" s="33"/>
      <c r="Y54" s="34"/>
      <c r="Z54" s="33"/>
      <c r="AA54" s="34"/>
      <c r="AB54" s="33" t="s">
        <v>34</v>
      </c>
      <c r="AC54" s="34" t="s">
        <v>82</v>
      </c>
      <c r="AD54" s="34" t="s">
        <v>717</v>
      </c>
      <c r="AE54" s="34" t="s">
        <v>715</v>
      </c>
      <c r="AF54" s="34"/>
      <c r="AG54" s="33"/>
      <c r="AH54" s="34"/>
      <c r="AI54" s="33"/>
      <c r="AJ54" s="34"/>
      <c r="AK54" s="39" t="s">
        <v>754</v>
      </c>
      <c r="AL54" s="12"/>
      <c r="AM54" s="12"/>
      <c r="AN54" s="12"/>
    </row>
    <row r="55" spans="1:41" s="11" customFormat="1" ht="124.75" customHeight="1" x14ac:dyDescent="0.2">
      <c r="A55" s="33">
        <v>48</v>
      </c>
      <c r="B55" s="33" t="s">
        <v>799</v>
      </c>
      <c r="C55" s="33" t="s">
        <v>810</v>
      </c>
      <c r="D55" s="33">
        <v>1</v>
      </c>
      <c r="E55" s="34" t="s">
        <v>83</v>
      </c>
      <c r="F55" s="34" t="s">
        <v>84</v>
      </c>
      <c r="G55" s="33" t="s">
        <v>85</v>
      </c>
      <c r="H55" s="34" t="s">
        <v>86</v>
      </c>
      <c r="I55" s="34" t="s">
        <v>87</v>
      </c>
      <c r="J55" s="33" t="s">
        <v>88</v>
      </c>
      <c r="K55" s="34" t="s">
        <v>89</v>
      </c>
      <c r="L55" s="34" t="s">
        <v>90</v>
      </c>
      <c r="M55" s="34" t="s">
        <v>847</v>
      </c>
      <c r="N55" s="34" t="s">
        <v>901</v>
      </c>
      <c r="O55" s="34" t="s">
        <v>91</v>
      </c>
      <c r="P55" s="34"/>
      <c r="Q55" s="33"/>
      <c r="R55" s="33" t="s">
        <v>34</v>
      </c>
      <c r="S55" s="33"/>
      <c r="T55" s="33"/>
      <c r="U55" s="33"/>
      <c r="V55" s="33" t="s">
        <v>92</v>
      </c>
      <c r="W55" s="34" t="s">
        <v>57</v>
      </c>
      <c r="X55" s="33"/>
      <c r="Y55" s="34"/>
      <c r="Z55" s="33"/>
      <c r="AA55" s="34"/>
      <c r="AB55" s="33" t="s">
        <v>34</v>
      </c>
      <c r="AC55" s="34" t="s">
        <v>93</v>
      </c>
      <c r="AD55" s="34" t="s">
        <v>719</v>
      </c>
      <c r="AE55" s="34"/>
      <c r="AF55" s="34" t="s">
        <v>720</v>
      </c>
      <c r="AG55" s="33" t="s">
        <v>34</v>
      </c>
      <c r="AH55" s="34" t="s">
        <v>94</v>
      </c>
      <c r="AI55" s="33" t="s">
        <v>34</v>
      </c>
      <c r="AJ55" s="34" t="s">
        <v>95</v>
      </c>
      <c r="AK55" s="34" t="s">
        <v>1136</v>
      </c>
    </row>
    <row r="56" spans="1:41" s="11" customFormat="1" ht="106" x14ac:dyDescent="0.2">
      <c r="A56" s="33">
        <v>49</v>
      </c>
      <c r="B56" s="33" t="s">
        <v>799</v>
      </c>
      <c r="C56" s="33" t="s">
        <v>810</v>
      </c>
      <c r="D56" s="33">
        <v>2</v>
      </c>
      <c r="E56" s="34" t="s">
        <v>96</v>
      </c>
      <c r="F56" s="34" t="s">
        <v>97</v>
      </c>
      <c r="G56" s="33" t="s">
        <v>98</v>
      </c>
      <c r="H56" s="34" t="s">
        <v>99</v>
      </c>
      <c r="I56" s="34" t="s">
        <v>100</v>
      </c>
      <c r="J56" s="33" t="s">
        <v>101</v>
      </c>
      <c r="K56" s="34" t="s">
        <v>102</v>
      </c>
      <c r="L56" s="34" t="s">
        <v>103</v>
      </c>
      <c r="M56" s="34" t="s">
        <v>848</v>
      </c>
      <c r="N56" s="34" t="s">
        <v>865</v>
      </c>
      <c r="O56" s="34"/>
      <c r="P56" s="34"/>
      <c r="Q56" s="33"/>
      <c r="R56" s="33"/>
      <c r="S56" s="33"/>
      <c r="T56" s="33"/>
      <c r="U56" s="33"/>
      <c r="V56" s="33" t="s">
        <v>33</v>
      </c>
      <c r="W56" s="34"/>
      <c r="X56" s="33"/>
      <c r="Y56" s="34"/>
      <c r="Z56" s="33"/>
      <c r="AA56" s="34"/>
      <c r="AB56" s="33" t="s">
        <v>34</v>
      </c>
      <c r="AC56" s="34" t="s">
        <v>104</v>
      </c>
      <c r="AD56" s="34" t="s">
        <v>717</v>
      </c>
      <c r="AE56" s="34" t="s">
        <v>715</v>
      </c>
      <c r="AF56" s="34"/>
      <c r="AG56" s="33" t="s">
        <v>34</v>
      </c>
      <c r="AH56" s="34" t="s">
        <v>105</v>
      </c>
      <c r="AI56" s="33" t="s">
        <v>34</v>
      </c>
      <c r="AJ56" s="34" t="s">
        <v>106</v>
      </c>
      <c r="AK56" s="34"/>
    </row>
    <row r="57" spans="1:41" s="11" customFormat="1" ht="189.65" customHeight="1" x14ac:dyDescent="0.2">
      <c r="A57" s="33">
        <v>50</v>
      </c>
      <c r="B57" s="33" t="s">
        <v>802</v>
      </c>
      <c r="C57" s="33" t="s">
        <v>810</v>
      </c>
      <c r="D57" s="33">
        <v>1</v>
      </c>
      <c r="E57" s="34" t="s">
        <v>593</v>
      </c>
      <c r="F57" s="34" t="s">
        <v>1132</v>
      </c>
      <c r="G57" s="33" t="s">
        <v>594</v>
      </c>
      <c r="H57" s="34" t="s">
        <v>595</v>
      </c>
      <c r="I57" s="34" t="s">
        <v>596</v>
      </c>
      <c r="J57" s="33" t="s">
        <v>597</v>
      </c>
      <c r="K57" s="34" t="s">
        <v>1133</v>
      </c>
      <c r="L57" s="34" t="s">
        <v>709</v>
      </c>
      <c r="M57" s="34" t="s">
        <v>849</v>
      </c>
      <c r="N57" s="34" t="s">
        <v>900</v>
      </c>
      <c r="O57" s="34" t="s">
        <v>598</v>
      </c>
      <c r="P57" s="34"/>
      <c r="Q57" s="33"/>
      <c r="R57" s="33" t="s">
        <v>1134</v>
      </c>
      <c r="S57" s="33"/>
      <c r="T57" s="33"/>
      <c r="U57" s="33"/>
      <c r="V57" s="33" t="s">
        <v>92</v>
      </c>
      <c r="W57" s="34" t="s">
        <v>171</v>
      </c>
      <c r="X57" s="33"/>
      <c r="Y57" s="34"/>
      <c r="Z57" s="33"/>
      <c r="AA57" s="34"/>
      <c r="AB57" s="33" t="s">
        <v>34</v>
      </c>
      <c r="AC57" s="34" t="s">
        <v>591</v>
      </c>
      <c r="AD57" s="34" t="s">
        <v>742</v>
      </c>
      <c r="AE57" s="34" t="s">
        <v>743</v>
      </c>
      <c r="AF57" s="34" t="s">
        <v>720</v>
      </c>
      <c r="AG57" s="33" t="s">
        <v>34</v>
      </c>
      <c r="AH57" s="34" t="s">
        <v>1135</v>
      </c>
      <c r="AI57" s="42" t="s">
        <v>626</v>
      </c>
      <c r="AJ57" s="34"/>
      <c r="AK57" s="39" t="s">
        <v>794</v>
      </c>
      <c r="AL57" s="12"/>
      <c r="AM57" s="12"/>
      <c r="AN57" s="12"/>
      <c r="AO57" s="12"/>
    </row>
    <row r="58" spans="1:41" s="11" customFormat="1" ht="130.75" customHeight="1" x14ac:dyDescent="0.2">
      <c r="A58" s="33">
        <v>51</v>
      </c>
      <c r="B58" s="33" t="s">
        <v>940</v>
      </c>
      <c r="C58" s="33" t="s">
        <v>810</v>
      </c>
      <c r="D58" s="33">
        <v>1</v>
      </c>
      <c r="E58" s="34" t="s">
        <v>1128</v>
      </c>
      <c r="F58" s="34" t="s">
        <v>1129</v>
      </c>
      <c r="G58" s="33" t="s">
        <v>941</v>
      </c>
      <c r="H58" s="34" t="s">
        <v>942</v>
      </c>
      <c r="I58" s="34" t="s">
        <v>943</v>
      </c>
      <c r="J58" s="33" t="s">
        <v>944</v>
      </c>
      <c r="K58" s="34" t="s">
        <v>945</v>
      </c>
      <c r="L58" s="34" t="s">
        <v>946</v>
      </c>
      <c r="M58" s="34" t="s">
        <v>947</v>
      </c>
      <c r="N58" s="34" t="s">
        <v>948</v>
      </c>
      <c r="O58" s="34" t="s">
        <v>949</v>
      </c>
      <c r="P58" s="34"/>
      <c r="Q58" s="33"/>
      <c r="R58" s="33"/>
      <c r="S58" s="33"/>
      <c r="T58" s="33"/>
      <c r="U58" s="33"/>
      <c r="V58" s="33" t="s">
        <v>1009</v>
      </c>
      <c r="W58" s="34"/>
      <c r="X58" s="33"/>
      <c r="Y58" s="34"/>
      <c r="Z58" s="33"/>
      <c r="AA58" s="34"/>
      <c r="AB58" s="33"/>
      <c r="AC58" s="34"/>
      <c r="AD58" s="34" t="s">
        <v>939</v>
      </c>
      <c r="AE58" s="34" t="s">
        <v>745</v>
      </c>
      <c r="AF58" s="34" t="s">
        <v>950</v>
      </c>
      <c r="AG58" s="33"/>
      <c r="AH58" s="34"/>
      <c r="AI58" s="42"/>
      <c r="AJ58" s="34"/>
      <c r="AK58" s="39"/>
      <c r="AL58" s="12"/>
      <c r="AM58" s="12"/>
      <c r="AN58" s="12"/>
      <c r="AO58" s="12"/>
    </row>
    <row r="59" spans="1:41" s="11" customFormat="1" ht="302" customHeight="1" x14ac:dyDescent="0.2">
      <c r="A59" s="33">
        <v>52</v>
      </c>
      <c r="B59" s="33" t="s">
        <v>1096</v>
      </c>
      <c r="C59" s="33" t="s">
        <v>1097</v>
      </c>
      <c r="D59" s="33">
        <v>2</v>
      </c>
      <c r="E59" s="34" t="s">
        <v>1098</v>
      </c>
      <c r="F59" s="43" t="s">
        <v>1104</v>
      </c>
      <c r="G59" s="33" t="s">
        <v>1101</v>
      </c>
      <c r="H59" s="34" t="s">
        <v>1099</v>
      </c>
      <c r="I59" s="34" t="s">
        <v>1102</v>
      </c>
      <c r="J59" s="33" t="s">
        <v>1103</v>
      </c>
      <c r="K59" s="34" t="s">
        <v>1100</v>
      </c>
      <c r="L59" s="34" t="s">
        <v>1105</v>
      </c>
      <c r="M59" s="34" t="s">
        <v>1106</v>
      </c>
      <c r="N59" s="34" t="s">
        <v>1107</v>
      </c>
      <c r="O59" s="34" t="s">
        <v>1108</v>
      </c>
      <c r="P59" s="34" t="s">
        <v>1109</v>
      </c>
      <c r="Q59" s="33"/>
      <c r="R59" s="33"/>
      <c r="S59" s="33"/>
      <c r="T59" s="33"/>
      <c r="U59" s="33"/>
      <c r="V59" s="33" t="s">
        <v>1110</v>
      </c>
      <c r="W59" s="34"/>
      <c r="X59" s="33"/>
      <c r="Y59" s="34"/>
      <c r="Z59" s="33"/>
      <c r="AA59" s="34"/>
      <c r="AB59" s="33" t="s">
        <v>34</v>
      </c>
      <c r="AC59" s="34" t="s">
        <v>1111</v>
      </c>
      <c r="AD59" s="34" t="s">
        <v>1112</v>
      </c>
      <c r="AE59" s="34" t="s">
        <v>1113</v>
      </c>
      <c r="AF59" s="34"/>
      <c r="AG59" s="33" t="s">
        <v>631</v>
      </c>
      <c r="AH59" s="34" t="s">
        <v>1114</v>
      </c>
      <c r="AI59" s="42" t="s">
        <v>631</v>
      </c>
      <c r="AJ59" s="34" t="s">
        <v>1115</v>
      </c>
      <c r="AK59" s="39" t="s">
        <v>1116</v>
      </c>
      <c r="AL59" s="12"/>
      <c r="AM59" s="12"/>
      <c r="AN59" s="12"/>
      <c r="AO59" s="12"/>
    </row>
    <row r="60" spans="1:41" s="11" customFormat="1" ht="185.5" x14ac:dyDescent="0.2">
      <c r="A60" s="33">
        <v>53</v>
      </c>
      <c r="B60" s="33" t="s">
        <v>799</v>
      </c>
      <c r="C60" s="33" t="s">
        <v>811</v>
      </c>
      <c r="D60" s="33">
        <v>1</v>
      </c>
      <c r="E60" s="34" t="s">
        <v>231</v>
      </c>
      <c r="F60" s="44" t="s">
        <v>232</v>
      </c>
      <c r="G60" s="33" t="s">
        <v>233</v>
      </c>
      <c r="H60" s="34" t="s">
        <v>234</v>
      </c>
      <c r="I60" s="34" t="s">
        <v>235</v>
      </c>
      <c r="J60" s="33" t="s">
        <v>236</v>
      </c>
      <c r="K60" s="34" t="s">
        <v>974</v>
      </c>
      <c r="L60" s="41" t="s">
        <v>975</v>
      </c>
      <c r="M60" s="34" t="s">
        <v>828</v>
      </c>
      <c r="N60" s="34" t="s">
        <v>899</v>
      </c>
      <c r="O60" s="34" t="s">
        <v>217</v>
      </c>
      <c r="P60" s="34"/>
      <c r="Q60" s="33"/>
      <c r="R60" s="33" t="s">
        <v>34</v>
      </c>
      <c r="S60" s="33" t="s">
        <v>34</v>
      </c>
      <c r="T60" s="33"/>
      <c r="U60" s="33"/>
      <c r="V60" s="33" t="s">
        <v>92</v>
      </c>
      <c r="W60" s="34" t="s">
        <v>171</v>
      </c>
      <c r="X60" s="33"/>
      <c r="Y60" s="34"/>
      <c r="Z60" s="33"/>
      <c r="AA60" s="34"/>
      <c r="AB60" s="33" t="s">
        <v>34</v>
      </c>
      <c r="AC60" s="34" t="s">
        <v>1130</v>
      </c>
      <c r="AD60" s="34" t="s">
        <v>719</v>
      </c>
      <c r="AE60" s="34"/>
      <c r="AF60" s="34" t="s">
        <v>713</v>
      </c>
      <c r="AG60" s="33"/>
      <c r="AH60" s="34"/>
      <c r="AI60" s="33" t="s">
        <v>34</v>
      </c>
      <c r="AJ60" s="34" t="s">
        <v>237</v>
      </c>
      <c r="AK60" s="34"/>
    </row>
    <row r="61" spans="1:41" s="11" customFormat="1" ht="238.5" x14ac:dyDescent="0.2">
      <c r="A61" s="33">
        <v>54</v>
      </c>
      <c r="B61" s="33" t="s">
        <v>799</v>
      </c>
      <c r="C61" s="33" t="s">
        <v>812</v>
      </c>
      <c r="D61" s="33">
        <v>1</v>
      </c>
      <c r="E61" s="34" t="s">
        <v>107</v>
      </c>
      <c r="F61" s="34" t="s">
        <v>108</v>
      </c>
      <c r="G61" s="33" t="s">
        <v>109</v>
      </c>
      <c r="H61" s="34" t="s">
        <v>110</v>
      </c>
      <c r="I61" s="34" t="s">
        <v>111</v>
      </c>
      <c r="J61" s="33" t="s">
        <v>112</v>
      </c>
      <c r="K61" s="34" t="s">
        <v>113</v>
      </c>
      <c r="L61" s="34" t="s">
        <v>114</v>
      </c>
      <c r="M61" s="34" t="s">
        <v>850</v>
      </c>
      <c r="N61" s="34" t="s">
        <v>898</v>
      </c>
      <c r="O61" s="34" t="s">
        <v>115</v>
      </c>
      <c r="P61" s="34" t="s">
        <v>116</v>
      </c>
      <c r="Q61" s="33" t="s">
        <v>34</v>
      </c>
      <c r="R61" s="33"/>
      <c r="S61" s="33" t="s">
        <v>34</v>
      </c>
      <c r="T61" s="33"/>
      <c r="U61" s="33"/>
      <c r="V61" s="33" t="s">
        <v>92</v>
      </c>
      <c r="W61" s="34" t="s">
        <v>57</v>
      </c>
      <c r="X61" s="33" t="s">
        <v>34</v>
      </c>
      <c r="Y61" s="34" t="s">
        <v>117</v>
      </c>
      <c r="Z61" s="33"/>
      <c r="AA61" s="34"/>
      <c r="AB61" s="33" t="s">
        <v>34</v>
      </c>
      <c r="AC61" s="34" t="s">
        <v>118</v>
      </c>
      <c r="AD61" s="34" t="s">
        <v>719</v>
      </c>
      <c r="AE61" s="34"/>
      <c r="AF61" s="34" t="s">
        <v>713</v>
      </c>
      <c r="AG61" s="33" t="s">
        <v>34</v>
      </c>
      <c r="AH61" s="34" t="s">
        <v>119</v>
      </c>
      <c r="AI61" s="33"/>
      <c r="AJ61" s="34"/>
      <c r="AK61" s="34" t="s">
        <v>755</v>
      </c>
    </row>
    <row r="62" spans="1:41" s="11" customFormat="1" ht="118.75" customHeight="1" x14ac:dyDescent="0.2">
      <c r="A62" s="33">
        <v>55</v>
      </c>
      <c r="B62" s="33" t="s">
        <v>799</v>
      </c>
      <c r="C62" s="33" t="s">
        <v>812</v>
      </c>
      <c r="D62" s="33">
        <v>1</v>
      </c>
      <c r="E62" s="34" t="s">
        <v>804</v>
      </c>
      <c r="F62" s="34" t="s">
        <v>120</v>
      </c>
      <c r="G62" s="33" t="s">
        <v>121</v>
      </c>
      <c r="H62" s="34" t="s">
        <v>122</v>
      </c>
      <c r="I62" s="34" t="s">
        <v>123</v>
      </c>
      <c r="J62" s="33" t="s">
        <v>124</v>
      </c>
      <c r="K62" s="34" t="s">
        <v>973</v>
      </c>
      <c r="L62" s="34" t="s">
        <v>972</v>
      </c>
      <c r="M62" s="34" t="s">
        <v>851</v>
      </c>
      <c r="N62" s="34" t="s">
        <v>881</v>
      </c>
      <c r="O62" s="34" t="s">
        <v>125</v>
      </c>
      <c r="P62" s="34"/>
      <c r="Q62" s="33" t="s">
        <v>34</v>
      </c>
      <c r="R62" s="33"/>
      <c r="S62" s="33" t="s">
        <v>34</v>
      </c>
      <c r="T62" s="33" t="s">
        <v>126</v>
      </c>
      <c r="U62" s="33"/>
      <c r="V62" s="33" t="s">
        <v>92</v>
      </c>
      <c r="W62" s="34" t="s">
        <v>57</v>
      </c>
      <c r="X62" s="33" t="s">
        <v>34</v>
      </c>
      <c r="Y62" s="34" t="s">
        <v>127</v>
      </c>
      <c r="Z62" s="33" t="s">
        <v>34</v>
      </c>
      <c r="AA62" s="34" t="s">
        <v>127</v>
      </c>
      <c r="AB62" s="33" t="s">
        <v>34</v>
      </c>
      <c r="AC62" s="34" t="s">
        <v>128</v>
      </c>
      <c r="AD62" s="34" t="s">
        <v>721</v>
      </c>
      <c r="AE62" s="34"/>
      <c r="AF62" s="34"/>
      <c r="AG62" s="33" t="s">
        <v>34</v>
      </c>
      <c r="AH62" s="34" t="s">
        <v>129</v>
      </c>
      <c r="AI62" s="33" t="s">
        <v>34</v>
      </c>
      <c r="AJ62" s="34" t="s">
        <v>130</v>
      </c>
      <c r="AK62" s="34" t="s">
        <v>756</v>
      </c>
    </row>
    <row r="63" spans="1:41" s="11" customFormat="1" ht="159" x14ac:dyDescent="0.2">
      <c r="A63" s="33">
        <v>56</v>
      </c>
      <c r="B63" s="33" t="s">
        <v>801</v>
      </c>
      <c r="C63" s="33" t="s">
        <v>812</v>
      </c>
      <c r="D63" s="33">
        <v>2</v>
      </c>
      <c r="E63" s="34" t="s">
        <v>131</v>
      </c>
      <c r="F63" s="34" t="s">
        <v>132</v>
      </c>
      <c r="G63" s="33" t="s">
        <v>133</v>
      </c>
      <c r="H63" s="34" t="s">
        <v>134</v>
      </c>
      <c r="I63" s="34" t="s">
        <v>135</v>
      </c>
      <c r="J63" s="33" t="s">
        <v>136</v>
      </c>
      <c r="K63" s="34" t="s">
        <v>137</v>
      </c>
      <c r="L63" s="34" t="s">
        <v>138</v>
      </c>
      <c r="M63" s="34" t="s">
        <v>896</v>
      </c>
      <c r="N63" s="34" t="s">
        <v>897</v>
      </c>
      <c r="O63" s="34"/>
      <c r="P63" s="34"/>
      <c r="Q63" s="33"/>
      <c r="R63" s="33"/>
      <c r="S63" s="33"/>
      <c r="T63" s="33"/>
      <c r="U63" s="33"/>
      <c r="V63" s="33" t="s">
        <v>69</v>
      </c>
      <c r="W63" s="34"/>
      <c r="X63" s="33"/>
      <c r="Y63" s="34"/>
      <c r="Z63" s="33"/>
      <c r="AA63" s="34"/>
      <c r="AB63" s="33" t="s">
        <v>34</v>
      </c>
      <c r="AC63" s="34" t="s">
        <v>139</v>
      </c>
      <c r="AD63" s="34" t="s">
        <v>717</v>
      </c>
      <c r="AE63" s="34" t="s">
        <v>715</v>
      </c>
      <c r="AF63" s="34"/>
      <c r="AG63" s="33"/>
      <c r="AH63" s="34"/>
      <c r="AI63" s="33"/>
      <c r="AJ63" s="34"/>
      <c r="AK63" s="34" t="s">
        <v>757</v>
      </c>
    </row>
    <row r="64" spans="1:41" s="11" customFormat="1" ht="79.5" x14ac:dyDescent="0.2">
      <c r="A64" s="33">
        <v>57</v>
      </c>
      <c r="B64" s="33" t="s">
        <v>801</v>
      </c>
      <c r="C64" s="33" t="s">
        <v>812</v>
      </c>
      <c r="D64" s="33">
        <v>2</v>
      </c>
      <c r="E64" s="34" t="s">
        <v>140</v>
      </c>
      <c r="F64" s="34" t="s">
        <v>141</v>
      </c>
      <c r="G64" s="33" t="s">
        <v>142</v>
      </c>
      <c r="H64" s="34" t="s">
        <v>143</v>
      </c>
      <c r="I64" s="34" t="s">
        <v>144</v>
      </c>
      <c r="J64" s="33" t="s">
        <v>145</v>
      </c>
      <c r="K64" s="34" t="s">
        <v>146</v>
      </c>
      <c r="L64" s="34" t="s">
        <v>147</v>
      </c>
      <c r="M64" s="34" t="s">
        <v>882</v>
      </c>
      <c r="N64" s="34" t="s">
        <v>879</v>
      </c>
      <c r="O64" s="34" t="s">
        <v>148</v>
      </c>
      <c r="P64" s="34"/>
      <c r="Q64" s="33"/>
      <c r="R64" s="33"/>
      <c r="S64" s="33"/>
      <c r="T64" s="33"/>
      <c r="U64" s="33"/>
      <c r="V64" s="33" t="s">
        <v>92</v>
      </c>
      <c r="W64" s="34"/>
      <c r="X64" s="33"/>
      <c r="Y64" s="34"/>
      <c r="Z64" s="33"/>
      <c r="AA64" s="34"/>
      <c r="AB64" s="33" t="s">
        <v>34</v>
      </c>
      <c r="AC64" s="34" t="s">
        <v>149</v>
      </c>
      <c r="AD64" s="34" t="s">
        <v>722</v>
      </c>
      <c r="AE64" s="34" t="s">
        <v>718</v>
      </c>
      <c r="AF64" s="34"/>
      <c r="AG64" s="33"/>
      <c r="AH64" s="34"/>
      <c r="AI64" s="33" t="s">
        <v>34</v>
      </c>
      <c r="AJ64" s="34" t="s">
        <v>150</v>
      </c>
      <c r="AK64" s="34" t="s">
        <v>758</v>
      </c>
    </row>
    <row r="65" spans="1:41" s="11" customFormat="1" ht="70.25" customHeight="1" x14ac:dyDescent="0.2">
      <c r="A65" s="33">
        <v>58</v>
      </c>
      <c r="B65" s="33" t="s">
        <v>904</v>
      </c>
      <c r="C65" s="33" t="s">
        <v>812</v>
      </c>
      <c r="D65" s="33">
        <v>2</v>
      </c>
      <c r="E65" s="34" t="s">
        <v>694</v>
      </c>
      <c r="F65" s="34" t="s">
        <v>695</v>
      </c>
      <c r="G65" s="33" t="s">
        <v>696</v>
      </c>
      <c r="H65" s="34" t="s">
        <v>697</v>
      </c>
      <c r="I65" s="34" t="s">
        <v>698</v>
      </c>
      <c r="J65" s="40" t="s">
        <v>699</v>
      </c>
      <c r="K65" s="34" t="s">
        <v>700</v>
      </c>
      <c r="L65" s="42" t="s">
        <v>701</v>
      </c>
      <c r="M65" s="34" t="s">
        <v>852</v>
      </c>
      <c r="N65" s="34" t="s">
        <v>883</v>
      </c>
      <c r="O65" s="34" t="s">
        <v>702</v>
      </c>
      <c r="P65" s="34"/>
      <c r="Q65" s="33"/>
      <c r="R65" s="33"/>
      <c r="S65" s="33"/>
      <c r="T65" s="33"/>
      <c r="U65" s="33"/>
      <c r="V65" s="33" t="s">
        <v>33</v>
      </c>
      <c r="W65" s="34"/>
      <c r="X65" s="33"/>
      <c r="Y65" s="34"/>
      <c r="Z65" s="33"/>
      <c r="AA65" s="34"/>
      <c r="AB65" s="33" t="s">
        <v>34</v>
      </c>
      <c r="AC65" s="34" t="s">
        <v>705</v>
      </c>
      <c r="AD65" s="34" t="s">
        <v>749</v>
      </c>
      <c r="AE65" s="34" t="s">
        <v>745</v>
      </c>
      <c r="AF65" s="34"/>
      <c r="AG65" s="33" t="s">
        <v>704</v>
      </c>
      <c r="AH65" s="34" t="s">
        <v>703</v>
      </c>
      <c r="AI65" s="33" t="s">
        <v>704</v>
      </c>
      <c r="AJ65" s="34" t="s">
        <v>703</v>
      </c>
      <c r="AK65" s="39" t="s">
        <v>797</v>
      </c>
      <c r="AL65" s="12"/>
      <c r="AM65" s="12"/>
      <c r="AN65" s="12"/>
      <c r="AO65" s="12"/>
    </row>
    <row r="66" spans="1:41" s="11" customFormat="1" ht="318" x14ac:dyDescent="0.2">
      <c r="A66" s="33">
        <v>59</v>
      </c>
      <c r="B66" s="33" t="s">
        <v>799</v>
      </c>
      <c r="C66" s="33" t="s">
        <v>813</v>
      </c>
      <c r="D66" s="33">
        <v>1</v>
      </c>
      <c r="E66" s="34" t="s">
        <v>162</v>
      </c>
      <c r="F66" s="34" t="s">
        <v>163</v>
      </c>
      <c r="G66" s="33" t="s">
        <v>164</v>
      </c>
      <c r="H66" s="34" t="s">
        <v>165</v>
      </c>
      <c r="I66" s="34" t="s">
        <v>166</v>
      </c>
      <c r="J66" s="33" t="s">
        <v>167</v>
      </c>
      <c r="K66" s="34" t="s">
        <v>168</v>
      </c>
      <c r="L66" s="34" t="s">
        <v>169</v>
      </c>
      <c r="M66" s="34" t="s">
        <v>853</v>
      </c>
      <c r="N66" s="34" t="s">
        <v>884</v>
      </c>
      <c r="O66" s="34" t="s">
        <v>170</v>
      </c>
      <c r="P66" s="34"/>
      <c r="Q66" s="33" t="s">
        <v>34</v>
      </c>
      <c r="R66" s="33"/>
      <c r="S66" s="33" t="s">
        <v>34</v>
      </c>
      <c r="T66" s="33" t="s">
        <v>34</v>
      </c>
      <c r="U66" s="33"/>
      <c r="V66" s="33" t="s">
        <v>92</v>
      </c>
      <c r="W66" s="34" t="s">
        <v>171</v>
      </c>
      <c r="X66" s="33" t="s">
        <v>34</v>
      </c>
      <c r="Y66" s="34" t="s">
        <v>172</v>
      </c>
      <c r="Z66" s="33" t="s">
        <v>34</v>
      </c>
      <c r="AA66" s="34" t="s">
        <v>173</v>
      </c>
      <c r="AB66" s="33" t="s">
        <v>34</v>
      </c>
      <c r="AC66" s="34" t="s">
        <v>174</v>
      </c>
      <c r="AD66" s="34" t="s">
        <v>723</v>
      </c>
      <c r="AE66" s="34" t="s">
        <v>724</v>
      </c>
      <c r="AF66" s="34" t="s">
        <v>720</v>
      </c>
      <c r="AG66" s="33" t="s">
        <v>34</v>
      </c>
      <c r="AH66" s="34" t="s">
        <v>175</v>
      </c>
      <c r="AI66" s="33" t="s">
        <v>34</v>
      </c>
      <c r="AJ66" s="34" t="s">
        <v>176</v>
      </c>
      <c r="AK66" s="34" t="s">
        <v>759</v>
      </c>
    </row>
    <row r="67" spans="1:41" s="11" customFormat="1" ht="141" customHeight="1" x14ac:dyDescent="0.2">
      <c r="A67" s="33">
        <v>60</v>
      </c>
      <c r="B67" s="33" t="s">
        <v>799</v>
      </c>
      <c r="C67" s="33" t="s">
        <v>813</v>
      </c>
      <c r="D67" s="33">
        <v>1</v>
      </c>
      <c r="E67" s="34" t="s">
        <v>151</v>
      </c>
      <c r="F67" s="34" t="s">
        <v>152</v>
      </c>
      <c r="G67" s="33" t="s">
        <v>153</v>
      </c>
      <c r="H67" s="34" t="s">
        <v>154</v>
      </c>
      <c r="I67" s="34" t="s">
        <v>155</v>
      </c>
      <c r="J67" s="33" t="s">
        <v>156</v>
      </c>
      <c r="K67" s="34" t="s">
        <v>157</v>
      </c>
      <c r="L67" s="34" t="s">
        <v>977</v>
      </c>
      <c r="M67" s="34" t="s">
        <v>854</v>
      </c>
      <c r="N67" s="34" t="s">
        <v>885</v>
      </c>
      <c r="O67" s="34" t="s">
        <v>158</v>
      </c>
      <c r="P67" s="34"/>
      <c r="Q67" s="33" t="s">
        <v>34</v>
      </c>
      <c r="R67" s="33" t="s">
        <v>34</v>
      </c>
      <c r="S67" s="33"/>
      <c r="T67" s="33"/>
      <c r="U67" s="33"/>
      <c r="V67" s="33" t="s">
        <v>92</v>
      </c>
      <c r="W67" s="34" t="s">
        <v>57</v>
      </c>
      <c r="X67" s="33"/>
      <c r="Y67" s="34"/>
      <c r="Z67" s="33"/>
      <c r="AA67" s="34"/>
      <c r="AB67" s="33" t="s">
        <v>34</v>
      </c>
      <c r="AC67" s="34" t="s">
        <v>159</v>
      </c>
      <c r="AD67" s="34" t="s">
        <v>719</v>
      </c>
      <c r="AE67" s="34"/>
      <c r="AF67" s="34" t="s">
        <v>720</v>
      </c>
      <c r="AG67" s="33" t="s">
        <v>34</v>
      </c>
      <c r="AH67" s="34" t="s">
        <v>160</v>
      </c>
      <c r="AI67" s="33" t="s">
        <v>34</v>
      </c>
      <c r="AJ67" s="34" t="s">
        <v>161</v>
      </c>
      <c r="AK67" s="34"/>
    </row>
    <row r="68" spans="1:41" s="11" customFormat="1" ht="185.4" customHeight="1" x14ac:dyDescent="0.2">
      <c r="A68" s="33">
        <v>61</v>
      </c>
      <c r="B68" s="33" t="s">
        <v>904</v>
      </c>
      <c r="C68" s="33" t="s">
        <v>813</v>
      </c>
      <c r="D68" s="33">
        <v>2</v>
      </c>
      <c r="E68" s="34" t="s">
        <v>633</v>
      </c>
      <c r="F68" s="34" t="s">
        <v>644</v>
      </c>
      <c r="G68" s="33" t="s">
        <v>645</v>
      </c>
      <c r="H68" s="34" t="s">
        <v>646</v>
      </c>
      <c r="I68" s="34" t="s">
        <v>647</v>
      </c>
      <c r="J68" s="40" t="s">
        <v>648</v>
      </c>
      <c r="K68" s="34" t="s">
        <v>649</v>
      </c>
      <c r="L68" s="34"/>
      <c r="M68" s="34" t="s">
        <v>855</v>
      </c>
      <c r="N68" s="34" t="s">
        <v>886</v>
      </c>
      <c r="O68" s="34"/>
      <c r="P68" s="34"/>
      <c r="Q68" s="33"/>
      <c r="R68" s="33"/>
      <c r="S68" s="33"/>
      <c r="T68" s="33"/>
      <c r="U68" s="33"/>
      <c r="V68" s="33" t="s">
        <v>33</v>
      </c>
      <c r="W68" s="34"/>
      <c r="X68" s="33"/>
      <c r="Y68" s="34"/>
      <c r="Z68" s="33"/>
      <c r="AA68" s="34"/>
      <c r="AB68" s="33" t="s">
        <v>34</v>
      </c>
      <c r="AC68" s="34" t="s">
        <v>675</v>
      </c>
      <c r="AD68" s="34" t="s">
        <v>735</v>
      </c>
      <c r="AE68" s="34" t="s">
        <v>746</v>
      </c>
      <c r="AF68" s="34" t="s">
        <v>747</v>
      </c>
      <c r="AG68" s="33"/>
      <c r="AH68" s="34"/>
      <c r="AI68" s="33" t="s">
        <v>650</v>
      </c>
      <c r="AJ68" s="34" t="s">
        <v>676</v>
      </c>
      <c r="AK68" s="39"/>
      <c r="AL68" s="12"/>
      <c r="AM68" s="12"/>
      <c r="AN68" s="12"/>
      <c r="AO68" s="12"/>
    </row>
    <row r="69" spans="1:41" s="11" customFormat="1" ht="120" customHeight="1" x14ac:dyDescent="0.2">
      <c r="A69" s="33">
        <v>62</v>
      </c>
      <c r="B69" s="33" t="s">
        <v>904</v>
      </c>
      <c r="C69" s="33" t="s">
        <v>813</v>
      </c>
      <c r="D69" s="33">
        <v>2</v>
      </c>
      <c r="E69" s="34" t="s">
        <v>634</v>
      </c>
      <c r="F69" s="34" t="s">
        <v>651</v>
      </c>
      <c r="G69" s="33" t="s">
        <v>652</v>
      </c>
      <c r="H69" s="34" t="s">
        <v>653</v>
      </c>
      <c r="I69" s="34" t="s">
        <v>654</v>
      </c>
      <c r="J69" s="40" t="s">
        <v>655</v>
      </c>
      <c r="K69" s="34" t="s">
        <v>656</v>
      </c>
      <c r="L69" s="45" t="s">
        <v>657</v>
      </c>
      <c r="M69" s="34" t="s">
        <v>887</v>
      </c>
      <c r="N69" s="34" t="s">
        <v>888</v>
      </c>
      <c r="O69" s="34"/>
      <c r="P69" s="34"/>
      <c r="Q69" s="33"/>
      <c r="R69" s="33"/>
      <c r="S69" s="33"/>
      <c r="T69" s="33"/>
      <c r="U69" s="33"/>
      <c r="V69" s="33" t="s">
        <v>33</v>
      </c>
      <c r="W69" s="34"/>
      <c r="X69" s="33"/>
      <c r="Y69" s="34"/>
      <c r="Z69" s="33"/>
      <c r="AA69" s="34"/>
      <c r="AB69" s="33" t="s">
        <v>34</v>
      </c>
      <c r="AC69" s="34" t="s">
        <v>658</v>
      </c>
      <c r="AD69" s="34" t="s">
        <v>735</v>
      </c>
      <c r="AE69" s="34" t="s">
        <v>745</v>
      </c>
      <c r="AF69" s="34"/>
      <c r="AG69" s="33"/>
      <c r="AH69" s="34"/>
      <c r="AI69" s="33"/>
      <c r="AJ69" s="34"/>
      <c r="AK69" s="39"/>
      <c r="AL69" s="12"/>
      <c r="AM69" s="12"/>
      <c r="AN69" s="12"/>
      <c r="AO69" s="12"/>
    </row>
    <row r="70" spans="1:41" s="11" customFormat="1" ht="117" customHeight="1" x14ac:dyDescent="0.2">
      <c r="A70" s="33">
        <v>63</v>
      </c>
      <c r="B70" s="33" t="s">
        <v>904</v>
      </c>
      <c r="C70" s="33" t="s">
        <v>813</v>
      </c>
      <c r="D70" s="33">
        <v>2</v>
      </c>
      <c r="E70" s="34" t="s">
        <v>677</v>
      </c>
      <c r="F70" s="34" t="s">
        <v>678</v>
      </c>
      <c r="G70" s="33" t="s">
        <v>679</v>
      </c>
      <c r="H70" s="34" t="s">
        <v>680</v>
      </c>
      <c r="I70" s="34" t="s">
        <v>681</v>
      </c>
      <c r="J70" s="40" t="s">
        <v>682</v>
      </c>
      <c r="K70" s="34" t="s">
        <v>683</v>
      </c>
      <c r="L70" s="34" t="s">
        <v>684</v>
      </c>
      <c r="M70" s="34" t="s">
        <v>856</v>
      </c>
      <c r="N70" s="34" t="s">
        <v>888</v>
      </c>
      <c r="O70" s="34"/>
      <c r="P70" s="34"/>
      <c r="Q70" s="33"/>
      <c r="R70" s="33"/>
      <c r="S70" s="33"/>
      <c r="T70" s="33"/>
      <c r="U70" s="33"/>
      <c r="V70" s="33" t="s">
        <v>33</v>
      </c>
      <c r="W70" s="34"/>
      <c r="X70" s="33"/>
      <c r="Y70" s="34"/>
      <c r="Z70" s="33"/>
      <c r="AA70" s="34"/>
      <c r="AB70" s="33" t="s">
        <v>34</v>
      </c>
      <c r="AC70" s="34" t="s">
        <v>981</v>
      </c>
      <c r="AD70" s="34" t="s">
        <v>735</v>
      </c>
      <c r="AE70" s="34" t="s">
        <v>745</v>
      </c>
      <c r="AF70" s="34"/>
      <c r="AG70" s="33"/>
      <c r="AH70" s="34"/>
      <c r="AI70" s="33"/>
      <c r="AJ70" s="34"/>
      <c r="AK70" s="39"/>
      <c r="AL70" s="12"/>
      <c r="AM70" s="12"/>
      <c r="AN70" s="12"/>
      <c r="AO70" s="12"/>
    </row>
    <row r="71" spans="1:41" s="11" customFormat="1" ht="126.65" customHeight="1" x14ac:dyDescent="0.2">
      <c r="A71" s="33">
        <v>64</v>
      </c>
      <c r="B71" s="33" t="s">
        <v>904</v>
      </c>
      <c r="C71" s="33" t="s">
        <v>813</v>
      </c>
      <c r="D71" s="33">
        <v>2</v>
      </c>
      <c r="E71" s="34" t="s">
        <v>686</v>
      </c>
      <c r="F71" s="34" t="s">
        <v>687</v>
      </c>
      <c r="G71" s="33" t="s">
        <v>688</v>
      </c>
      <c r="H71" s="34" t="s">
        <v>689</v>
      </c>
      <c r="I71" s="34" t="s">
        <v>690</v>
      </c>
      <c r="J71" s="40" t="s">
        <v>691</v>
      </c>
      <c r="K71" s="34" t="s">
        <v>692</v>
      </c>
      <c r="L71" s="34"/>
      <c r="M71" s="34" t="s">
        <v>855</v>
      </c>
      <c r="N71" s="34" t="s">
        <v>889</v>
      </c>
      <c r="O71" s="34"/>
      <c r="P71" s="34"/>
      <c r="Q71" s="33"/>
      <c r="R71" s="33"/>
      <c r="S71" s="33"/>
      <c r="T71" s="33"/>
      <c r="U71" s="33"/>
      <c r="V71" s="33" t="s">
        <v>33</v>
      </c>
      <c r="W71" s="34"/>
      <c r="X71" s="33"/>
      <c r="Y71" s="34"/>
      <c r="Z71" s="33"/>
      <c r="AA71" s="34"/>
      <c r="AB71" s="33" t="s">
        <v>34</v>
      </c>
      <c r="AC71" s="34" t="s">
        <v>693</v>
      </c>
      <c r="AD71" s="34" t="s">
        <v>748</v>
      </c>
      <c r="AE71" s="34" t="s">
        <v>746</v>
      </c>
      <c r="AF71" s="34"/>
      <c r="AG71" s="33"/>
      <c r="AH71" s="34"/>
      <c r="AI71" s="33"/>
      <c r="AJ71" s="34"/>
      <c r="AK71" s="39"/>
      <c r="AL71" s="12"/>
      <c r="AM71" s="12"/>
      <c r="AN71" s="12"/>
      <c r="AO71" s="12"/>
    </row>
    <row r="72" spans="1:41" s="11" customFormat="1" ht="126.65" customHeight="1" x14ac:dyDescent="0.2">
      <c r="A72" s="33">
        <v>65</v>
      </c>
      <c r="B72" s="33" t="s">
        <v>982</v>
      </c>
      <c r="C72" s="33" t="s">
        <v>813</v>
      </c>
      <c r="D72" s="33">
        <v>2</v>
      </c>
      <c r="E72" s="34" t="s">
        <v>1030</v>
      </c>
      <c r="F72" s="34" t="s">
        <v>1031</v>
      </c>
      <c r="G72" s="33" t="s">
        <v>1035</v>
      </c>
      <c r="H72" s="34" t="s">
        <v>1032</v>
      </c>
      <c r="I72" s="34" t="s">
        <v>1033</v>
      </c>
      <c r="J72" s="40" t="s">
        <v>1034</v>
      </c>
      <c r="K72" s="34" t="s">
        <v>1147</v>
      </c>
      <c r="L72" s="34" t="s">
        <v>1036</v>
      </c>
      <c r="M72" s="34" t="s">
        <v>1037</v>
      </c>
      <c r="N72" s="34" t="s">
        <v>1023</v>
      </c>
      <c r="O72" s="34" t="s">
        <v>1038</v>
      </c>
      <c r="P72" s="34" t="s">
        <v>1003</v>
      </c>
      <c r="Q72" s="33"/>
      <c r="R72" s="33"/>
      <c r="S72" s="33" t="s">
        <v>1039</v>
      </c>
      <c r="T72" s="33"/>
      <c r="U72" s="33"/>
      <c r="V72" s="33" t="s">
        <v>33</v>
      </c>
      <c r="W72" s="34"/>
      <c r="X72" s="33"/>
      <c r="Y72" s="34"/>
      <c r="Z72" s="33"/>
      <c r="AA72" s="34"/>
      <c r="AB72" s="33" t="s">
        <v>34</v>
      </c>
      <c r="AC72" s="34" t="s">
        <v>1040</v>
      </c>
      <c r="AD72" s="34" t="s">
        <v>1041</v>
      </c>
      <c r="AE72" s="34" t="s">
        <v>1042</v>
      </c>
      <c r="AF72" s="34"/>
      <c r="AG72" s="33" t="s">
        <v>34</v>
      </c>
      <c r="AH72" s="34" t="s">
        <v>1043</v>
      </c>
      <c r="AI72" s="33" t="s">
        <v>34</v>
      </c>
      <c r="AJ72" s="34" t="s">
        <v>1043</v>
      </c>
      <c r="AK72" s="39"/>
      <c r="AL72" s="12"/>
      <c r="AM72" s="12"/>
      <c r="AN72" s="12"/>
      <c r="AO72" s="12"/>
    </row>
    <row r="73" spans="1:41" s="11" customFormat="1" ht="159" x14ac:dyDescent="0.2">
      <c r="A73" s="33">
        <v>66</v>
      </c>
      <c r="B73" s="33" t="s">
        <v>800</v>
      </c>
      <c r="C73" s="33" t="s">
        <v>814</v>
      </c>
      <c r="D73" s="33">
        <v>2</v>
      </c>
      <c r="E73" s="34" t="s">
        <v>177</v>
      </c>
      <c r="F73" s="34" t="s">
        <v>178</v>
      </c>
      <c r="G73" s="33" t="s">
        <v>179</v>
      </c>
      <c r="H73" s="34" t="s">
        <v>180</v>
      </c>
      <c r="I73" s="34" t="s">
        <v>181</v>
      </c>
      <c r="J73" s="33" t="s">
        <v>182</v>
      </c>
      <c r="K73" s="34" t="s">
        <v>183</v>
      </c>
      <c r="L73" s="34" t="s">
        <v>184</v>
      </c>
      <c r="M73" s="34" t="s">
        <v>895</v>
      </c>
      <c r="N73" s="34" t="s">
        <v>866</v>
      </c>
      <c r="O73" s="34"/>
      <c r="P73" s="34" t="s">
        <v>185</v>
      </c>
      <c r="Q73" s="33"/>
      <c r="R73" s="33"/>
      <c r="S73" s="33"/>
      <c r="T73" s="33"/>
      <c r="U73" s="33"/>
      <c r="V73" s="33" t="s">
        <v>33</v>
      </c>
      <c r="W73" s="34"/>
      <c r="X73" s="33"/>
      <c r="Y73" s="34"/>
      <c r="Z73" s="33"/>
      <c r="AA73" s="34"/>
      <c r="AB73" s="33" t="s">
        <v>34</v>
      </c>
      <c r="AC73" s="34" t="s">
        <v>186</v>
      </c>
      <c r="AD73" s="34" t="s">
        <v>717</v>
      </c>
      <c r="AE73" s="34" t="s">
        <v>725</v>
      </c>
      <c r="AF73" s="34"/>
      <c r="AG73" s="33"/>
      <c r="AH73" s="34"/>
      <c r="AI73" s="33" t="s">
        <v>34</v>
      </c>
      <c r="AJ73" s="34" t="s">
        <v>187</v>
      </c>
      <c r="AK73" s="34" t="s">
        <v>760</v>
      </c>
    </row>
    <row r="74" spans="1:41" s="11" customFormat="1" ht="130.25" customHeight="1" x14ac:dyDescent="0.2">
      <c r="A74" s="33">
        <v>67</v>
      </c>
      <c r="B74" s="33" t="s">
        <v>904</v>
      </c>
      <c r="C74" s="33" t="s">
        <v>814</v>
      </c>
      <c r="D74" s="33">
        <v>2</v>
      </c>
      <c r="E74" s="34" t="s">
        <v>632</v>
      </c>
      <c r="F74" s="34" t="s">
        <v>637</v>
      </c>
      <c r="G74" s="33" t="s">
        <v>639</v>
      </c>
      <c r="H74" s="34" t="s">
        <v>638</v>
      </c>
      <c r="I74" s="34" t="s">
        <v>640</v>
      </c>
      <c r="J74" s="40" t="s">
        <v>641</v>
      </c>
      <c r="K74" s="34" t="s">
        <v>963</v>
      </c>
      <c r="L74" s="34" t="s">
        <v>642</v>
      </c>
      <c r="M74" s="34" t="s">
        <v>893</v>
      </c>
      <c r="N74" s="34" t="s">
        <v>894</v>
      </c>
      <c r="O74" s="34"/>
      <c r="P74" s="34"/>
      <c r="Q74" s="33"/>
      <c r="R74" s="33"/>
      <c r="S74" s="33"/>
      <c r="T74" s="33"/>
      <c r="U74" s="33"/>
      <c r="V74" s="33" t="s">
        <v>33</v>
      </c>
      <c r="W74" s="34"/>
      <c r="X74" s="33"/>
      <c r="Y74" s="34"/>
      <c r="Z74" s="33"/>
      <c r="AA74" s="34"/>
      <c r="AB74" s="33" t="s">
        <v>34</v>
      </c>
      <c r="AC74" s="34" t="s">
        <v>643</v>
      </c>
      <c r="AD74" s="34" t="s">
        <v>735</v>
      </c>
      <c r="AE74" s="34" t="s">
        <v>745</v>
      </c>
      <c r="AF74" s="34"/>
      <c r="AG74" s="33"/>
      <c r="AH74" s="34"/>
      <c r="AI74" s="33"/>
      <c r="AJ74" s="34"/>
      <c r="AK74" s="39"/>
      <c r="AL74" s="12"/>
      <c r="AM74" s="12"/>
      <c r="AN74" s="12"/>
      <c r="AO74" s="12"/>
    </row>
    <row r="75" spans="1:41" s="11" customFormat="1" ht="130.25" customHeight="1" x14ac:dyDescent="0.2">
      <c r="A75" s="33">
        <v>68</v>
      </c>
      <c r="B75" s="33" t="s">
        <v>982</v>
      </c>
      <c r="C75" s="33" t="s">
        <v>814</v>
      </c>
      <c r="D75" s="33">
        <v>2</v>
      </c>
      <c r="E75" s="34" t="s">
        <v>983</v>
      </c>
      <c r="F75" s="34" t="s">
        <v>984</v>
      </c>
      <c r="G75" s="33" t="s">
        <v>985</v>
      </c>
      <c r="H75" s="34" t="s">
        <v>986</v>
      </c>
      <c r="I75" s="34" t="s">
        <v>987</v>
      </c>
      <c r="J75" s="40" t="s">
        <v>988</v>
      </c>
      <c r="K75" s="34" t="s">
        <v>990</v>
      </c>
      <c r="L75" s="34" t="s">
        <v>989</v>
      </c>
      <c r="M75" s="34" t="s">
        <v>1074</v>
      </c>
      <c r="N75" s="34" t="s">
        <v>991</v>
      </c>
      <c r="O75" s="34"/>
      <c r="P75" s="34"/>
      <c r="Q75" s="33"/>
      <c r="R75" s="33"/>
      <c r="S75" s="33"/>
      <c r="T75" s="33"/>
      <c r="U75" s="33"/>
      <c r="V75" s="33" t="s">
        <v>992</v>
      </c>
      <c r="W75" s="34" t="s">
        <v>1053</v>
      </c>
      <c r="X75" s="33"/>
      <c r="Y75" s="34"/>
      <c r="Z75" s="33"/>
      <c r="AA75" s="34"/>
      <c r="AB75" s="33"/>
      <c r="AC75" s="34"/>
      <c r="AD75" s="34"/>
      <c r="AE75" s="34"/>
      <c r="AF75" s="34"/>
      <c r="AG75" s="33" t="s">
        <v>993</v>
      </c>
      <c r="AH75" s="34" t="s">
        <v>994</v>
      </c>
      <c r="AI75" s="33" t="s">
        <v>993</v>
      </c>
      <c r="AJ75" s="34" t="s">
        <v>995</v>
      </c>
      <c r="AK75" s="39" t="s">
        <v>996</v>
      </c>
      <c r="AL75" s="12"/>
      <c r="AM75" s="12"/>
      <c r="AN75" s="12"/>
      <c r="AO75" s="12"/>
    </row>
    <row r="76" spans="1:41" s="11" customFormat="1" ht="106" x14ac:dyDescent="0.2">
      <c r="A76" s="33">
        <v>69</v>
      </c>
      <c r="B76" s="33" t="s">
        <v>802</v>
      </c>
      <c r="C76" s="33" t="s">
        <v>910</v>
      </c>
      <c r="D76" s="33">
        <v>2</v>
      </c>
      <c r="E76" s="34" t="s">
        <v>188</v>
      </c>
      <c r="F76" s="34" t="s">
        <v>189</v>
      </c>
      <c r="G76" s="33" t="s">
        <v>190</v>
      </c>
      <c r="H76" s="34" t="s">
        <v>191</v>
      </c>
      <c r="I76" s="34" t="s">
        <v>192</v>
      </c>
      <c r="J76" s="33" t="s">
        <v>193</v>
      </c>
      <c r="K76" s="34" t="s">
        <v>194</v>
      </c>
      <c r="L76" s="34" t="s">
        <v>195</v>
      </c>
      <c r="M76" s="34" t="s">
        <v>857</v>
      </c>
      <c r="N76" s="34" t="s">
        <v>865</v>
      </c>
      <c r="O76" s="34"/>
      <c r="P76" s="34" t="s">
        <v>196</v>
      </c>
      <c r="Q76" s="33"/>
      <c r="R76" s="33"/>
      <c r="S76" s="33"/>
      <c r="T76" s="33"/>
      <c r="U76" s="33"/>
      <c r="V76" s="33" t="s">
        <v>69</v>
      </c>
      <c r="W76" s="34"/>
      <c r="X76" s="33"/>
      <c r="Y76" s="34"/>
      <c r="Z76" s="33"/>
      <c r="AA76" s="34"/>
      <c r="AB76" s="33" t="s">
        <v>34</v>
      </c>
      <c r="AC76" s="34" t="s">
        <v>197</v>
      </c>
      <c r="AD76" s="34" t="s">
        <v>717</v>
      </c>
      <c r="AE76" s="34" t="s">
        <v>726</v>
      </c>
      <c r="AF76" s="34"/>
      <c r="AG76" s="33"/>
      <c r="AH76" s="34"/>
      <c r="AI76" s="33"/>
      <c r="AJ76" s="34"/>
      <c r="AK76" s="39" t="s">
        <v>761</v>
      </c>
      <c r="AL76" s="12"/>
      <c r="AM76" s="12"/>
      <c r="AN76" s="12"/>
    </row>
    <row r="77" spans="1:41" s="11" customFormat="1" ht="344.5" x14ac:dyDescent="0.2">
      <c r="A77" s="33">
        <v>70</v>
      </c>
      <c r="B77" s="33" t="s">
        <v>799</v>
      </c>
      <c r="C77" s="33" t="s">
        <v>815</v>
      </c>
      <c r="D77" s="33">
        <v>2</v>
      </c>
      <c r="E77" s="34" t="s">
        <v>198</v>
      </c>
      <c r="F77" s="34" t="s">
        <v>199</v>
      </c>
      <c r="G77" s="33" t="s">
        <v>200</v>
      </c>
      <c r="H77" s="34" t="s">
        <v>201</v>
      </c>
      <c r="I77" s="34" t="s">
        <v>202</v>
      </c>
      <c r="J77" s="33" t="s">
        <v>203</v>
      </c>
      <c r="K77" s="34" t="s">
        <v>204</v>
      </c>
      <c r="L77" s="34" t="s">
        <v>205</v>
      </c>
      <c r="M77" s="34" t="s">
        <v>858</v>
      </c>
      <c r="N77" s="34" t="s">
        <v>890</v>
      </c>
      <c r="O77" s="34"/>
      <c r="P77" s="34"/>
      <c r="Q77" s="33"/>
      <c r="R77" s="33"/>
      <c r="S77" s="33"/>
      <c r="T77" s="33"/>
      <c r="U77" s="33"/>
      <c r="V77" s="33" t="s">
        <v>33</v>
      </c>
      <c r="W77" s="34"/>
      <c r="X77" s="33"/>
      <c r="Y77" s="34" t="s">
        <v>206</v>
      </c>
      <c r="Z77" s="33" t="s">
        <v>34</v>
      </c>
      <c r="AA77" s="34" t="s">
        <v>207</v>
      </c>
      <c r="AB77" s="33" t="s">
        <v>34</v>
      </c>
      <c r="AC77" s="34" t="s">
        <v>208</v>
      </c>
      <c r="AD77" s="34" t="s">
        <v>714</v>
      </c>
      <c r="AE77" s="34" t="s">
        <v>727</v>
      </c>
      <c r="AF77" s="34"/>
      <c r="AG77" s="33" t="s">
        <v>34</v>
      </c>
      <c r="AH77" s="34" t="s">
        <v>209</v>
      </c>
      <c r="AI77" s="33"/>
      <c r="AJ77" s="34"/>
      <c r="AK77" s="34" t="s">
        <v>762</v>
      </c>
    </row>
    <row r="78" spans="1:41" s="11" customFormat="1" ht="159" x14ac:dyDescent="0.2">
      <c r="A78" s="33">
        <v>71</v>
      </c>
      <c r="B78" s="33" t="s">
        <v>799</v>
      </c>
      <c r="C78" s="33" t="s">
        <v>815</v>
      </c>
      <c r="D78" s="33">
        <v>1</v>
      </c>
      <c r="E78" s="34" t="s">
        <v>210</v>
      </c>
      <c r="F78" s="34" t="s">
        <v>211</v>
      </c>
      <c r="G78" s="33" t="s">
        <v>212</v>
      </c>
      <c r="H78" s="34" t="s">
        <v>213</v>
      </c>
      <c r="I78" s="34" t="s">
        <v>214</v>
      </c>
      <c r="J78" s="33" t="s">
        <v>215</v>
      </c>
      <c r="K78" s="34" t="s">
        <v>964</v>
      </c>
      <c r="L78" s="34" t="s">
        <v>216</v>
      </c>
      <c r="M78" s="34" t="s">
        <v>859</v>
      </c>
      <c r="N78" s="34" t="s">
        <v>873</v>
      </c>
      <c r="O78" s="34" t="s">
        <v>217</v>
      </c>
      <c r="P78" s="34"/>
      <c r="Q78" s="33" t="s">
        <v>34</v>
      </c>
      <c r="R78" s="33"/>
      <c r="S78" s="33"/>
      <c r="T78" s="33"/>
      <c r="U78" s="33"/>
      <c r="V78" s="33" t="s">
        <v>92</v>
      </c>
      <c r="W78" s="34" t="s">
        <v>171</v>
      </c>
      <c r="X78" s="33"/>
      <c r="Y78" s="34"/>
      <c r="Z78" s="33"/>
      <c r="AA78" s="34"/>
      <c r="AB78" s="33" t="s">
        <v>34</v>
      </c>
      <c r="AC78" s="34" t="s">
        <v>218</v>
      </c>
      <c r="AD78" s="34" t="s">
        <v>717</v>
      </c>
      <c r="AE78" s="34" t="s">
        <v>718</v>
      </c>
      <c r="AF78" s="34"/>
      <c r="AG78" s="33"/>
      <c r="AH78" s="34"/>
      <c r="AI78" s="33"/>
      <c r="AJ78" s="34"/>
      <c r="AK78" s="34" t="s">
        <v>763</v>
      </c>
    </row>
    <row r="79" spans="1:41" s="11" customFormat="1" ht="79.5" x14ac:dyDescent="0.2">
      <c r="A79" s="33">
        <v>72</v>
      </c>
      <c r="B79" s="33" t="s">
        <v>799</v>
      </c>
      <c r="C79" s="33" t="s">
        <v>815</v>
      </c>
      <c r="D79" s="33">
        <v>2</v>
      </c>
      <c r="E79" s="34" t="s">
        <v>219</v>
      </c>
      <c r="F79" s="34" t="s">
        <v>220</v>
      </c>
      <c r="G79" s="33" t="s">
        <v>221</v>
      </c>
      <c r="H79" s="34" t="s">
        <v>222</v>
      </c>
      <c r="I79" s="34" t="s">
        <v>223</v>
      </c>
      <c r="J79" s="33" t="s">
        <v>224</v>
      </c>
      <c r="K79" s="34" t="s">
        <v>225</v>
      </c>
      <c r="L79" s="34" t="s">
        <v>226</v>
      </c>
      <c r="M79" s="34" t="s">
        <v>860</v>
      </c>
      <c r="N79" s="34" t="s">
        <v>873</v>
      </c>
      <c r="O79" s="34"/>
      <c r="P79" s="34"/>
      <c r="Q79" s="33"/>
      <c r="R79" s="33"/>
      <c r="S79" s="33"/>
      <c r="T79" s="33"/>
      <c r="U79" s="33"/>
      <c r="V79" s="33" t="s">
        <v>33</v>
      </c>
      <c r="W79" s="34"/>
      <c r="X79" s="33"/>
      <c r="Y79" s="34"/>
      <c r="Z79" s="33"/>
      <c r="AA79" s="34"/>
      <c r="AB79" s="33" t="s">
        <v>34</v>
      </c>
      <c r="AC79" s="34" t="s">
        <v>227</v>
      </c>
      <c r="AD79" s="34" t="s">
        <v>717</v>
      </c>
      <c r="AE79" s="34" t="s">
        <v>727</v>
      </c>
      <c r="AF79" s="34"/>
      <c r="AG79" s="33" t="s">
        <v>34</v>
      </c>
      <c r="AH79" s="34" t="s">
        <v>228</v>
      </c>
      <c r="AI79" s="33"/>
      <c r="AJ79" s="34"/>
      <c r="AK79" s="34" t="s">
        <v>764</v>
      </c>
    </row>
    <row r="80" spans="1:41" s="11" customFormat="1" ht="132.5" x14ac:dyDescent="0.2">
      <c r="A80" s="33">
        <v>73</v>
      </c>
      <c r="B80" s="33" t="s">
        <v>803</v>
      </c>
      <c r="C80" s="33" t="s">
        <v>815</v>
      </c>
      <c r="D80" s="33">
        <v>2</v>
      </c>
      <c r="E80" s="34" t="s">
        <v>609</v>
      </c>
      <c r="F80" s="34" t="s">
        <v>610</v>
      </c>
      <c r="G80" s="33" t="s">
        <v>611</v>
      </c>
      <c r="H80" s="34" t="s">
        <v>612</v>
      </c>
      <c r="I80" s="34" t="s">
        <v>613</v>
      </c>
      <c r="J80" s="33" t="s">
        <v>614</v>
      </c>
      <c r="K80" s="34" t="s">
        <v>615</v>
      </c>
      <c r="L80" s="34" t="s">
        <v>616</v>
      </c>
      <c r="M80" s="34" t="s">
        <v>861</v>
      </c>
      <c r="N80" s="34" t="s">
        <v>865</v>
      </c>
      <c r="O80" s="34"/>
      <c r="P80" s="34"/>
      <c r="Q80" s="33"/>
      <c r="R80" s="33"/>
      <c r="S80" s="33"/>
      <c r="T80" s="33"/>
      <c r="U80" s="33"/>
      <c r="V80" s="33" t="s">
        <v>33</v>
      </c>
      <c r="W80" s="34"/>
      <c r="X80" s="33"/>
      <c r="Y80" s="34"/>
      <c r="Z80" s="33"/>
      <c r="AA80" s="34"/>
      <c r="AB80" s="33" t="s">
        <v>34</v>
      </c>
      <c r="AC80" s="34" t="s">
        <v>617</v>
      </c>
      <c r="AD80" s="34" t="s">
        <v>717</v>
      </c>
      <c r="AE80" s="34" t="s">
        <v>718</v>
      </c>
      <c r="AF80" s="34"/>
      <c r="AG80" s="33"/>
      <c r="AH80" s="34"/>
      <c r="AI80" s="33"/>
      <c r="AJ80" s="34"/>
      <c r="AK80" s="39"/>
      <c r="AL80" s="12"/>
      <c r="AM80" s="12"/>
      <c r="AN80" s="12"/>
      <c r="AO80" s="12"/>
    </row>
    <row r="81" spans="1:41" s="11" customFormat="1" ht="136.75" customHeight="1" x14ac:dyDescent="0.2">
      <c r="A81" s="33">
        <v>74</v>
      </c>
      <c r="B81" s="33" t="s">
        <v>904</v>
      </c>
      <c r="C81" s="33" t="s">
        <v>815</v>
      </c>
      <c r="D81" s="33">
        <v>2</v>
      </c>
      <c r="E81" s="34" t="s">
        <v>635</v>
      </c>
      <c r="F81" s="34" t="s">
        <v>659</v>
      </c>
      <c r="G81" s="33" t="s">
        <v>660</v>
      </c>
      <c r="H81" s="34" t="s">
        <v>661</v>
      </c>
      <c r="I81" s="34" t="s">
        <v>662</v>
      </c>
      <c r="J81" s="40" t="s">
        <v>663</v>
      </c>
      <c r="K81" s="34" t="s">
        <v>664</v>
      </c>
      <c r="L81" s="34" t="s">
        <v>665</v>
      </c>
      <c r="M81" s="34" t="s">
        <v>862</v>
      </c>
      <c r="N81" s="34" t="s">
        <v>891</v>
      </c>
      <c r="O81" s="34"/>
      <c r="P81" s="34" t="s">
        <v>551</v>
      </c>
      <c r="Q81" s="33"/>
      <c r="R81" s="33"/>
      <c r="S81" s="33"/>
      <c r="T81" s="33"/>
      <c r="U81" s="33"/>
      <c r="V81" s="33" t="s">
        <v>33</v>
      </c>
      <c r="W81" s="34"/>
      <c r="X81" s="33"/>
      <c r="Y81" s="34"/>
      <c r="Z81" s="33"/>
      <c r="AA81" s="34"/>
      <c r="AB81" s="33" t="s">
        <v>34</v>
      </c>
      <c r="AC81" s="34" t="s">
        <v>666</v>
      </c>
      <c r="AD81" s="34" t="s">
        <v>735</v>
      </c>
      <c r="AE81" s="34" t="s">
        <v>745</v>
      </c>
      <c r="AF81" s="34" t="s">
        <v>747</v>
      </c>
      <c r="AG81" s="33"/>
      <c r="AH81" s="34"/>
      <c r="AI81" s="33"/>
      <c r="AJ81" s="34"/>
      <c r="AK81" s="39" t="s">
        <v>796</v>
      </c>
      <c r="AL81" s="12"/>
      <c r="AM81" s="12"/>
      <c r="AN81" s="12"/>
      <c r="AO81" s="12"/>
    </row>
    <row r="82" spans="1:41" s="11" customFormat="1" ht="109.25" customHeight="1" x14ac:dyDescent="0.2">
      <c r="A82" s="33">
        <v>75</v>
      </c>
      <c r="B82" s="33" t="s">
        <v>940</v>
      </c>
      <c r="C82" s="33" t="s">
        <v>815</v>
      </c>
      <c r="D82" s="33">
        <v>2</v>
      </c>
      <c r="E82" s="34" t="s">
        <v>951</v>
      </c>
      <c r="F82" s="34" t="s">
        <v>952</v>
      </c>
      <c r="G82" s="33" t="s">
        <v>953</v>
      </c>
      <c r="H82" s="34" t="s">
        <v>954</v>
      </c>
      <c r="I82" s="34" t="s">
        <v>955</v>
      </c>
      <c r="J82" s="40" t="s">
        <v>229</v>
      </c>
      <c r="K82" s="34" t="s">
        <v>956</v>
      </c>
      <c r="L82" s="34" t="s">
        <v>230</v>
      </c>
      <c r="M82" s="34" t="s">
        <v>957</v>
      </c>
      <c r="N82" s="34" t="s">
        <v>936</v>
      </c>
      <c r="O82" s="34" t="s">
        <v>958</v>
      </c>
      <c r="P82" s="34" t="s">
        <v>959</v>
      </c>
      <c r="Q82" s="33"/>
      <c r="R82" s="33"/>
      <c r="S82" s="33"/>
      <c r="T82" s="33"/>
      <c r="U82" s="33"/>
      <c r="V82" s="33" t="s">
        <v>1009</v>
      </c>
      <c r="W82" s="34"/>
      <c r="X82" s="33"/>
      <c r="Y82" s="34"/>
      <c r="Z82" s="33"/>
      <c r="AA82" s="34"/>
      <c r="AB82" s="33"/>
      <c r="AC82" s="34"/>
      <c r="AD82" s="34" t="s">
        <v>960</v>
      </c>
      <c r="AE82" s="34" t="s">
        <v>745</v>
      </c>
      <c r="AF82" s="34" t="s">
        <v>747</v>
      </c>
      <c r="AG82" s="33"/>
      <c r="AH82" s="34"/>
      <c r="AI82" s="33"/>
      <c r="AJ82" s="34"/>
      <c r="AK82" s="39" t="s">
        <v>961</v>
      </c>
      <c r="AL82" s="12"/>
      <c r="AM82" s="12"/>
      <c r="AN82" s="12"/>
      <c r="AO82" s="12"/>
    </row>
    <row r="83" spans="1:41" s="11" customFormat="1" ht="109.25" customHeight="1" x14ac:dyDescent="0.2">
      <c r="A83" s="33">
        <v>76</v>
      </c>
      <c r="B83" s="33" t="s">
        <v>982</v>
      </c>
      <c r="C83" s="33" t="s">
        <v>1075</v>
      </c>
      <c r="D83" s="33">
        <v>2</v>
      </c>
      <c r="E83" s="34" t="s">
        <v>1086</v>
      </c>
      <c r="F83" s="34" t="s">
        <v>1076</v>
      </c>
      <c r="G83" s="33" t="s">
        <v>1077</v>
      </c>
      <c r="H83" s="34" t="s">
        <v>1078</v>
      </c>
      <c r="I83" s="34" t="s">
        <v>1079</v>
      </c>
      <c r="J83" s="40" t="s">
        <v>1080</v>
      </c>
      <c r="K83" s="34" t="s">
        <v>1081</v>
      </c>
      <c r="L83" s="41" t="s">
        <v>1082</v>
      </c>
      <c r="M83" s="34" t="s">
        <v>1087</v>
      </c>
      <c r="N83" s="34" t="s">
        <v>1088</v>
      </c>
      <c r="O83" s="34"/>
      <c r="P83" s="34"/>
      <c r="Q83" s="33"/>
      <c r="R83" s="33"/>
      <c r="S83" s="33" t="s">
        <v>1083</v>
      </c>
      <c r="T83" s="33"/>
      <c r="U83" s="33"/>
      <c r="V83" s="33" t="s">
        <v>1009</v>
      </c>
      <c r="W83" s="34"/>
      <c r="X83" s="33"/>
      <c r="Y83" s="34"/>
      <c r="Z83" s="33"/>
      <c r="AA83" s="34"/>
      <c r="AB83" s="33" t="s">
        <v>1083</v>
      </c>
      <c r="AC83" s="34" t="s">
        <v>1084</v>
      </c>
      <c r="AD83" s="34" t="s">
        <v>1085</v>
      </c>
      <c r="AE83" s="34" t="s">
        <v>745</v>
      </c>
      <c r="AF83" s="34"/>
      <c r="AG83" s="33"/>
      <c r="AH83" s="34"/>
      <c r="AI83" s="33"/>
      <c r="AJ83" s="34"/>
      <c r="AK83" s="39"/>
      <c r="AL83" s="12"/>
      <c r="AM83" s="12"/>
      <c r="AN83" s="12"/>
      <c r="AO83" s="12"/>
    </row>
    <row r="84" spans="1:41" s="11" customFormat="1" ht="217.75" customHeight="1" x14ac:dyDescent="0.2">
      <c r="A84" s="33">
        <v>77</v>
      </c>
      <c r="B84" s="33" t="s">
        <v>800</v>
      </c>
      <c r="C84" s="33" t="s">
        <v>816</v>
      </c>
      <c r="D84" s="33">
        <v>1</v>
      </c>
      <c r="E84" s="34" t="s">
        <v>238</v>
      </c>
      <c r="F84" s="34" t="s">
        <v>239</v>
      </c>
      <c r="G84" s="33" t="s">
        <v>240</v>
      </c>
      <c r="H84" s="34" t="s">
        <v>241</v>
      </c>
      <c r="I84" s="34" t="s">
        <v>242</v>
      </c>
      <c r="J84" s="33" t="s">
        <v>243</v>
      </c>
      <c r="K84" s="34" t="s">
        <v>244</v>
      </c>
      <c r="L84" s="34" t="s">
        <v>245</v>
      </c>
      <c r="M84" s="34" t="s">
        <v>1148</v>
      </c>
      <c r="N84" s="34" t="s">
        <v>892</v>
      </c>
      <c r="O84" s="34" t="s">
        <v>246</v>
      </c>
      <c r="P84" s="34"/>
      <c r="Q84" s="33"/>
      <c r="R84" s="33" t="s">
        <v>34</v>
      </c>
      <c r="S84" s="33"/>
      <c r="T84" s="33"/>
      <c r="U84" s="33"/>
      <c r="V84" s="33" t="s">
        <v>56</v>
      </c>
      <c r="W84" s="34" t="s">
        <v>247</v>
      </c>
      <c r="X84" s="33"/>
      <c r="Y84" s="34"/>
      <c r="Z84" s="33"/>
      <c r="AA84" s="34"/>
      <c r="AB84" s="33" t="s">
        <v>34</v>
      </c>
      <c r="AC84" s="34" t="s">
        <v>118</v>
      </c>
      <c r="AD84" s="34" t="s">
        <v>719</v>
      </c>
      <c r="AE84" s="34"/>
      <c r="AF84" s="34" t="s">
        <v>713</v>
      </c>
      <c r="AG84" s="33" t="s">
        <v>34</v>
      </c>
      <c r="AH84" s="34" t="s">
        <v>248</v>
      </c>
      <c r="AI84" s="33" t="s">
        <v>34</v>
      </c>
      <c r="AJ84" s="34" t="s">
        <v>249</v>
      </c>
      <c r="AK84" s="34"/>
    </row>
    <row r="85" spans="1:41" s="11" customFormat="1" ht="159" x14ac:dyDescent="0.2">
      <c r="A85" s="33">
        <v>78</v>
      </c>
      <c r="B85" s="33" t="s">
        <v>802</v>
      </c>
      <c r="C85" s="33" t="s">
        <v>816</v>
      </c>
      <c r="D85" s="33">
        <v>2</v>
      </c>
      <c r="E85" s="34" t="s">
        <v>250</v>
      </c>
      <c r="F85" s="34" t="s">
        <v>251</v>
      </c>
      <c r="G85" s="33" t="s">
        <v>252</v>
      </c>
      <c r="H85" s="34" t="s">
        <v>253</v>
      </c>
      <c r="I85" s="34" t="s">
        <v>254</v>
      </c>
      <c r="J85" s="33" t="s">
        <v>255</v>
      </c>
      <c r="K85" s="34" t="s">
        <v>256</v>
      </c>
      <c r="L85" s="34" t="s">
        <v>257</v>
      </c>
      <c r="M85" s="34" t="s">
        <v>824</v>
      </c>
      <c r="N85" s="34" t="s">
        <v>866</v>
      </c>
      <c r="O85" s="34" t="s">
        <v>258</v>
      </c>
      <c r="P85" s="34" t="s">
        <v>259</v>
      </c>
      <c r="Q85" s="33"/>
      <c r="R85" s="33"/>
      <c r="S85" s="33"/>
      <c r="T85" s="33"/>
      <c r="U85" s="33"/>
      <c r="V85" s="33" t="s">
        <v>69</v>
      </c>
      <c r="W85" s="34"/>
      <c r="X85" s="33"/>
      <c r="Y85" s="34"/>
      <c r="Z85" s="33"/>
      <c r="AA85" s="34"/>
      <c r="AB85" s="33" t="s">
        <v>260</v>
      </c>
      <c r="AC85" s="34" t="s">
        <v>261</v>
      </c>
      <c r="AD85" s="34" t="s">
        <v>717</v>
      </c>
      <c r="AE85" s="34" t="s">
        <v>715</v>
      </c>
      <c r="AF85" s="34"/>
      <c r="AG85" s="33"/>
      <c r="AH85" s="34"/>
      <c r="AI85" s="33"/>
      <c r="AJ85" s="34"/>
      <c r="AK85" s="39" t="s">
        <v>765</v>
      </c>
      <c r="AL85" s="12"/>
      <c r="AM85" s="12"/>
      <c r="AN85" s="12"/>
    </row>
    <row r="86" spans="1:41" ht="20.25" customHeight="1" x14ac:dyDescent="0.2">
      <c r="B86" s="7"/>
      <c r="C86" s="7"/>
      <c r="D86" s="7"/>
      <c r="E86" s="8"/>
      <c r="F86" s="8"/>
      <c r="G86" s="7"/>
      <c r="H86" s="8"/>
      <c r="I86" s="8"/>
      <c r="J86" s="7"/>
      <c r="K86" s="8"/>
      <c r="L86" s="8"/>
      <c r="M86" s="8"/>
      <c r="N86" s="8"/>
      <c r="O86" s="8"/>
      <c r="P86" s="8"/>
      <c r="Q86" s="7"/>
      <c r="R86" s="7"/>
      <c r="S86" s="7"/>
      <c r="T86" s="7"/>
      <c r="U86" s="7"/>
      <c r="V86" s="7"/>
      <c r="W86" s="8"/>
      <c r="X86" s="7"/>
      <c r="Y86" s="7"/>
      <c r="Z86" s="7"/>
      <c r="AA86" s="7"/>
      <c r="AB86" s="7"/>
      <c r="AC86" s="7"/>
      <c r="AD86" s="8"/>
      <c r="AE86" s="8"/>
      <c r="AF86" s="8"/>
      <c r="AG86" s="7"/>
      <c r="AH86" s="7"/>
      <c r="AI86" s="7"/>
      <c r="AJ86" s="7"/>
      <c r="AK86" s="8"/>
      <c r="AL86" s="1"/>
      <c r="AM86" s="1"/>
      <c r="AN86" s="1"/>
      <c r="AO86" s="1"/>
    </row>
    <row r="87" spans="1:41" ht="20.25" customHeight="1" x14ac:dyDescent="0.2">
      <c r="B87" s="7"/>
      <c r="C87" s="7"/>
      <c r="D87" s="7"/>
      <c r="E87" s="8"/>
      <c r="F87" s="8"/>
      <c r="G87" s="7"/>
      <c r="H87" s="8"/>
      <c r="I87" s="8"/>
      <c r="J87" s="7"/>
      <c r="K87" s="8"/>
      <c r="L87" s="8"/>
      <c r="M87" s="8"/>
      <c r="N87" s="8"/>
      <c r="O87" s="8"/>
      <c r="P87" s="8"/>
      <c r="Q87" s="7"/>
      <c r="R87" s="7"/>
      <c r="S87" s="7"/>
      <c r="T87" s="7"/>
      <c r="U87" s="7"/>
      <c r="V87" s="7"/>
      <c r="W87" s="8"/>
      <c r="X87" s="7"/>
      <c r="Y87" s="7"/>
      <c r="Z87" s="7"/>
      <c r="AA87" s="7"/>
      <c r="AB87" s="7"/>
      <c r="AC87" s="7"/>
      <c r="AD87" s="8"/>
      <c r="AE87" s="8"/>
      <c r="AF87" s="8"/>
      <c r="AG87" s="7"/>
      <c r="AH87" s="7"/>
      <c r="AI87" s="7"/>
      <c r="AJ87" s="7"/>
      <c r="AK87" s="8"/>
      <c r="AL87" s="1"/>
      <c r="AM87" s="1"/>
      <c r="AN87" s="1"/>
      <c r="AO87" s="1"/>
    </row>
    <row r="88" spans="1:41" ht="20.25" customHeight="1" x14ac:dyDescent="0.2">
      <c r="B88" s="7"/>
      <c r="C88" s="7"/>
      <c r="D88" s="7"/>
      <c r="E88" s="8"/>
      <c r="F88" s="8"/>
      <c r="G88" s="7"/>
      <c r="H88" s="8"/>
      <c r="I88" s="8"/>
      <c r="J88" s="7"/>
      <c r="K88" s="8"/>
      <c r="L88" s="8"/>
      <c r="M88" s="8"/>
      <c r="N88" s="8"/>
      <c r="O88" s="8"/>
      <c r="P88" s="8"/>
      <c r="Q88" s="7"/>
      <c r="R88" s="7"/>
      <c r="S88" s="7"/>
      <c r="T88" s="7"/>
      <c r="U88" s="7"/>
      <c r="V88" s="7"/>
      <c r="W88" s="8"/>
      <c r="X88" s="7"/>
      <c r="Y88" s="7"/>
      <c r="Z88" s="7"/>
      <c r="AA88" s="7"/>
      <c r="AB88" s="7"/>
      <c r="AC88" s="7"/>
      <c r="AD88" s="8"/>
      <c r="AE88" s="8"/>
      <c r="AF88" s="8"/>
      <c r="AG88" s="7"/>
      <c r="AH88" s="7"/>
      <c r="AI88" s="7"/>
      <c r="AJ88" s="7"/>
      <c r="AK88" s="8"/>
      <c r="AL88" s="1"/>
      <c r="AM88" s="1"/>
      <c r="AN88" s="1"/>
      <c r="AO88" s="1"/>
    </row>
    <row r="89" spans="1:41" ht="20.25" customHeight="1" x14ac:dyDescent="0.2">
      <c r="B89" s="7"/>
      <c r="C89" s="7"/>
      <c r="D89" s="7"/>
      <c r="E89" s="8"/>
      <c r="F89" s="8"/>
      <c r="G89" s="7"/>
      <c r="H89" s="8"/>
      <c r="I89" s="8"/>
      <c r="J89" s="7"/>
      <c r="K89" s="8"/>
      <c r="L89" s="8"/>
      <c r="M89" s="8"/>
      <c r="N89" s="8"/>
      <c r="O89" s="8"/>
      <c r="P89" s="8"/>
      <c r="Q89" s="7"/>
      <c r="R89" s="7"/>
      <c r="S89" s="7"/>
      <c r="T89" s="7"/>
      <c r="U89" s="7"/>
      <c r="V89" s="7"/>
      <c r="W89" s="8"/>
      <c r="X89" s="7"/>
      <c r="Y89" s="7"/>
      <c r="Z89" s="7"/>
      <c r="AA89" s="7"/>
      <c r="AB89" s="7"/>
      <c r="AC89" s="7"/>
      <c r="AD89" s="8"/>
      <c r="AE89" s="8"/>
      <c r="AF89" s="8"/>
      <c r="AG89" s="7"/>
      <c r="AH89" s="7"/>
      <c r="AI89" s="7"/>
      <c r="AJ89" s="7"/>
      <c r="AK89" s="8"/>
      <c r="AL89" s="1"/>
      <c r="AM89" s="1"/>
      <c r="AN89" s="1"/>
      <c r="AO89" s="1"/>
    </row>
    <row r="90" spans="1:41" ht="20.25" customHeight="1" x14ac:dyDescent="0.2">
      <c r="B90" s="7"/>
      <c r="C90" s="7"/>
      <c r="D90" s="7"/>
      <c r="E90" s="8"/>
      <c r="F90" s="8"/>
      <c r="G90" s="7"/>
      <c r="H90" s="8"/>
      <c r="I90" s="8"/>
      <c r="J90" s="7"/>
      <c r="K90" s="8"/>
      <c r="L90" s="8"/>
      <c r="M90" s="8"/>
      <c r="N90" s="8"/>
      <c r="O90" s="8"/>
      <c r="P90" s="8"/>
      <c r="Q90" s="7"/>
      <c r="R90" s="7"/>
      <c r="S90" s="7"/>
      <c r="T90" s="7"/>
      <c r="U90" s="7"/>
      <c r="V90" s="7"/>
      <c r="W90" s="8"/>
      <c r="X90" s="7"/>
      <c r="Y90" s="7"/>
      <c r="Z90" s="7"/>
      <c r="AA90" s="7"/>
      <c r="AB90" s="7"/>
      <c r="AC90" s="7"/>
      <c r="AD90" s="8"/>
      <c r="AE90" s="8"/>
      <c r="AF90" s="8"/>
      <c r="AG90" s="7"/>
      <c r="AH90" s="7"/>
      <c r="AI90" s="7"/>
      <c r="AJ90" s="7"/>
      <c r="AK90" s="8"/>
      <c r="AL90" s="1"/>
      <c r="AM90" s="1"/>
      <c r="AN90" s="1"/>
      <c r="AO90" s="1"/>
    </row>
    <row r="91" spans="1:41" ht="20.25" customHeight="1" x14ac:dyDescent="0.2">
      <c r="B91" s="7"/>
      <c r="C91" s="7"/>
      <c r="D91" s="7"/>
      <c r="E91" s="8"/>
      <c r="F91" s="8"/>
      <c r="G91" s="7"/>
      <c r="H91" s="8"/>
      <c r="I91" s="8"/>
      <c r="J91" s="7"/>
      <c r="K91" s="8"/>
      <c r="L91" s="8"/>
      <c r="M91" s="8"/>
      <c r="N91" s="8"/>
      <c r="O91" s="8"/>
      <c r="P91" s="8"/>
      <c r="Q91" s="7"/>
      <c r="R91" s="7"/>
      <c r="S91" s="7"/>
      <c r="T91" s="7"/>
      <c r="U91" s="7"/>
      <c r="V91" s="7"/>
      <c r="W91" s="8"/>
      <c r="X91" s="7"/>
      <c r="Y91" s="7"/>
      <c r="Z91" s="7"/>
      <c r="AA91" s="7"/>
      <c r="AB91" s="7"/>
      <c r="AC91" s="7"/>
      <c r="AD91" s="8"/>
      <c r="AE91" s="8"/>
      <c r="AF91" s="8"/>
      <c r="AG91" s="7"/>
      <c r="AH91" s="7"/>
      <c r="AI91" s="7"/>
      <c r="AJ91" s="7"/>
      <c r="AK91" s="8"/>
      <c r="AL91" s="1"/>
      <c r="AM91" s="1"/>
      <c r="AN91" s="1"/>
      <c r="AO91" s="1"/>
    </row>
    <row r="92" spans="1:41" ht="20.25" customHeight="1" x14ac:dyDescent="0.2">
      <c r="B92" s="7"/>
      <c r="C92" s="7"/>
      <c r="D92" s="7"/>
      <c r="E92" s="8"/>
      <c r="F92" s="8"/>
      <c r="G92" s="7"/>
      <c r="H92" s="8"/>
      <c r="I92" s="8"/>
      <c r="J92" s="7"/>
      <c r="K92" s="8"/>
      <c r="L92" s="8"/>
      <c r="M92" s="8"/>
      <c r="N92" s="8"/>
      <c r="O92" s="8"/>
      <c r="P92" s="8"/>
      <c r="Q92" s="7"/>
      <c r="R92" s="7"/>
      <c r="S92" s="7"/>
      <c r="T92" s="7"/>
      <c r="U92" s="7"/>
      <c r="V92" s="7"/>
      <c r="W92" s="8"/>
      <c r="X92" s="7"/>
      <c r="Y92" s="7"/>
      <c r="Z92" s="7"/>
      <c r="AA92" s="7"/>
      <c r="AB92" s="7"/>
      <c r="AC92" s="7"/>
      <c r="AD92" s="8"/>
      <c r="AE92" s="8"/>
      <c r="AF92" s="8"/>
      <c r="AG92" s="7"/>
      <c r="AH92" s="7"/>
      <c r="AI92" s="7"/>
      <c r="AJ92" s="7"/>
      <c r="AK92" s="8"/>
      <c r="AL92" s="1"/>
      <c r="AM92" s="1"/>
      <c r="AN92" s="1"/>
      <c r="AO92" s="1"/>
    </row>
    <row r="93" spans="1:41" ht="20.25" customHeight="1" x14ac:dyDescent="0.2">
      <c r="B93" s="7"/>
      <c r="C93" s="7"/>
      <c r="D93" s="7"/>
      <c r="E93" s="8"/>
      <c r="F93" s="8"/>
      <c r="G93" s="7"/>
      <c r="H93" s="8"/>
      <c r="I93" s="8"/>
      <c r="J93" s="7"/>
      <c r="K93" s="8"/>
      <c r="L93" s="8"/>
      <c r="M93" s="8"/>
      <c r="N93" s="8"/>
      <c r="O93" s="8"/>
      <c r="P93" s="8"/>
      <c r="Q93" s="7"/>
      <c r="R93" s="7"/>
      <c r="S93" s="7"/>
      <c r="T93" s="7"/>
      <c r="U93" s="7"/>
      <c r="V93" s="7"/>
      <c r="W93" s="8"/>
      <c r="X93" s="7"/>
      <c r="Y93" s="7"/>
      <c r="Z93" s="7"/>
      <c r="AA93" s="7"/>
      <c r="AB93" s="7"/>
      <c r="AC93" s="7"/>
      <c r="AD93" s="8"/>
      <c r="AE93" s="8"/>
      <c r="AF93" s="8"/>
      <c r="AG93" s="7"/>
      <c r="AH93" s="7"/>
      <c r="AI93" s="7"/>
      <c r="AJ93" s="7"/>
      <c r="AK93" s="8"/>
      <c r="AL93" s="1"/>
      <c r="AM93" s="1"/>
      <c r="AN93" s="1"/>
      <c r="AO93" s="1"/>
    </row>
    <row r="94" spans="1:41" ht="20.25" customHeight="1" x14ac:dyDescent="0.2">
      <c r="B94" s="7"/>
      <c r="C94" s="7"/>
      <c r="D94" s="7"/>
      <c r="E94" s="8"/>
      <c r="F94" s="8"/>
      <c r="G94" s="7"/>
      <c r="H94" s="8"/>
      <c r="I94" s="8"/>
      <c r="J94" s="7"/>
      <c r="K94" s="8"/>
      <c r="L94" s="8"/>
      <c r="M94" s="8"/>
      <c r="N94" s="8"/>
      <c r="O94" s="8"/>
      <c r="P94" s="8"/>
      <c r="Q94" s="7"/>
      <c r="R94" s="7"/>
      <c r="S94" s="7"/>
      <c r="T94" s="7"/>
      <c r="U94" s="7"/>
      <c r="V94" s="7"/>
      <c r="W94" s="8"/>
      <c r="X94" s="7"/>
      <c r="Y94" s="7"/>
      <c r="Z94" s="7"/>
      <c r="AA94" s="7"/>
      <c r="AB94" s="7"/>
      <c r="AC94" s="7"/>
      <c r="AD94" s="8"/>
      <c r="AE94" s="8"/>
      <c r="AF94" s="8"/>
      <c r="AG94" s="7"/>
      <c r="AH94" s="7"/>
      <c r="AI94" s="7"/>
      <c r="AJ94" s="7"/>
      <c r="AK94" s="8"/>
      <c r="AL94" s="1"/>
      <c r="AM94" s="1"/>
      <c r="AN94" s="1"/>
      <c r="AO94" s="1"/>
    </row>
    <row r="95" spans="1:41" ht="20.25" customHeight="1" x14ac:dyDescent="0.2">
      <c r="B95" s="7"/>
      <c r="C95" s="7"/>
      <c r="D95" s="7"/>
      <c r="E95" s="8"/>
      <c r="F95" s="8"/>
      <c r="G95" s="7"/>
      <c r="H95" s="8"/>
      <c r="I95" s="8"/>
      <c r="J95" s="7"/>
      <c r="K95" s="8"/>
      <c r="L95" s="8"/>
      <c r="M95" s="8"/>
      <c r="N95" s="8"/>
      <c r="O95" s="8"/>
      <c r="P95" s="8"/>
      <c r="Q95" s="7"/>
      <c r="R95" s="7"/>
      <c r="S95" s="7"/>
      <c r="T95" s="7"/>
      <c r="U95" s="7"/>
      <c r="V95" s="7"/>
      <c r="W95" s="8"/>
      <c r="X95" s="7"/>
      <c r="Y95" s="7"/>
      <c r="Z95" s="7"/>
      <c r="AA95" s="7"/>
      <c r="AB95" s="7"/>
      <c r="AC95" s="7"/>
      <c r="AD95" s="8"/>
      <c r="AE95" s="8"/>
      <c r="AF95" s="8"/>
      <c r="AG95" s="7"/>
      <c r="AH95" s="7"/>
      <c r="AI95" s="7"/>
      <c r="AJ95" s="7"/>
      <c r="AK95" s="8"/>
      <c r="AL95" s="1"/>
      <c r="AM95" s="1"/>
      <c r="AN95" s="1"/>
      <c r="AO95" s="1"/>
    </row>
    <row r="96" spans="1:41" ht="20.25" customHeight="1" x14ac:dyDescent="0.2">
      <c r="B96" s="7"/>
      <c r="C96" s="7"/>
      <c r="D96" s="7"/>
      <c r="E96" s="8"/>
      <c r="F96" s="8"/>
      <c r="G96" s="7"/>
      <c r="H96" s="8"/>
      <c r="I96" s="8"/>
      <c r="J96" s="7"/>
      <c r="K96" s="8"/>
      <c r="L96" s="8"/>
      <c r="M96" s="8"/>
      <c r="N96" s="8"/>
      <c r="O96" s="8"/>
      <c r="P96" s="8"/>
      <c r="Q96" s="7"/>
      <c r="R96" s="7"/>
      <c r="S96" s="7"/>
      <c r="T96" s="7"/>
      <c r="U96" s="7"/>
      <c r="V96" s="7"/>
      <c r="W96" s="8"/>
      <c r="X96" s="7"/>
      <c r="Y96" s="7"/>
      <c r="Z96" s="7"/>
      <c r="AA96" s="7"/>
      <c r="AB96" s="7"/>
      <c r="AC96" s="7"/>
      <c r="AD96" s="8"/>
      <c r="AE96" s="8"/>
      <c r="AF96" s="8"/>
      <c r="AG96" s="7"/>
      <c r="AH96" s="7"/>
      <c r="AI96" s="7"/>
      <c r="AJ96" s="7"/>
      <c r="AK96" s="8"/>
      <c r="AL96" s="1"/>
      <c r="AM96" s="1"/>
      <c r="AN96" s="1"/>
      <c r="AO96" s="1"/>
    </row>
    <row r="97" spans="2:41" ht="20.25" customHeight="1" x14ac:dyDescent="0.2">
      <c r="B97" s="7"/>
      <c r="C97" s="7"/>
      <c r="D97" s="7"/>
      <c r="E97" s="8"/>
      <c r="F97" s="8"/>
      <c r="G97" s="7"/>
      <c r="H97" s="8"/>
      <c r="I97" s="8"/>
      <c r="J97" s="7"/>
      <c r="K97" s="8"/>
      <c r="L97" s="8"/>
      <c r="M97" s="8"/>
      <c r="N97" s="8"/>
      <c r="O97" s="8"/>
      <c r="P97" s="8"/>
      <c r="Q97" s="7"/>
      <c r="R97" s="7"/>
      <c r="S97" s="7"/>
      <c r="T97" s="7"/>
      <c r="U97" s="7"/>
      <c r="V97" s="7"/>
      <c r="W97" s="8"/>
      <c r="X97" s="7"/>
      <c r="Y97" s="7"/>
      <c r="Z97" s="7"/>
      <c r="AA97" s="7"/>
      <c r="AB97" s="7"/>
      <c r="AC97" s="7"/>
      <c r="AD97" s="8"/>
      <c r="AE97" s="8"/>
      <c r="AF97" s="8"/>
      <c r="AG97" s="7"/>
      <c r="AH97" s="7"/>
      <c r="AI97" s="7"/>
      <c r="AJ97" s="7"/>
      <c r="AK97" s="8"/>
      <c r="AL97" s="1"/>
      <c r="AM97" s="1"/>
      <c r="AN97" s="1"/>
      <c r="AO97" s="1"/>
    </row>
    <row r="98" spans="2:41" ht="20.25" customHeight="1" x14ac:dyDescent="0.2">
      <c r="B98" s="7"/>
      <c r="C98" s="7"/>
      <c r="D98" s="7"/>
      <c r="E98" s="8"/>
      <c r="F98" s="8"/>
      <c r="G98" s="7"/>
      <c r="H98" s="8"/>
      <c r="I98" s="8"/>
      <c r="J98" s="7"/>
      <c r="K98" s="8"/>
      <c r="L98" s="8"/>
      <c r="M98" s="8"/>
      <c r="N98" s="8"/>
      <c r="O98" s="8"/>
      <c r="P98" s="8"/>
      <c r="Q98" s="7"/>
      <c r="R98" s="7"/>
      <c r="S98" s="7"/>
      <c r="T98" s="7"/>
      <c r="U98" s="7"/>
      <c r="V98" s="7"/>
      <c r="W98" s="8"/>
      <c r="X98" s="7"/>
      <c r="Y98" s="7"/>
      <c r="Z98" s="7"/>
      <c r="AA98" s="7"/>
      <c r="AB98" s="7"/>
      <c r="AC98" s="7"/>
      <c r="AD98" s="8"/>
      <c r="AE98" s="8"/>
      <c r="AF98" s="8"/>
      <c r="AG98" s="7"/>
      <c r="AH98" s="7"/>
      <c r="AI98" s="7"/>
      <c r="AJ98" s="7"/>
      <c r="AK98" s="8"/>
      <c r="AL98" s="1"/>
      <c r="AM98" s="1"/>
      <c r="AN98" s="1"/>
      <c r="AO98" s="1"/>
    </row>
    <row r="99" spans="2:41" ht="20.25" customHeight="1" x14ac:dyDescent="0.2">
      <c r="B99" s="7"/>
      <c r="C99" s="7"/>
      <c r="D99" s="7"/>
      <c r="E99" s="8"/>
      <c r="F99" s="8"/>
      <c r="G99" s="7"/>
      <c r="H99" s="8"/>
      <c r="I99" s="8"/>
      <c r="J99" s="7"/>
      <c r="K99" s="8"/>
      <c r="L99" s="8"/>
      <c r="M99" s="8"/>
      <c r="N99" s="8"/>
      <c r="O99" s="8"/>
      <c r="P99" s="8"/>
      <c r="Q99" s="7"/>
      <c r="R99" s="7"/>
      <c r="S99" s="7"/>
      <c r="T99" s="7"/>
      <c r="U99" s="7"/>
      <c r="V99" s="7"/>
      <c r="W99" s="8"/>
      <c r="X99" s="7"/>
      <c r="Y99" s="7"/>
      <c r="Z99" s="7"/>
      <c r="AA99" s="7"/>
      <c r="AB99" s="7"/>
      <c r="AC99" s="7"/>
      <c r="AD99" s="8"/>
      <c r="AE99" s="8"/>
      <c r="AF99" s="8"/>
      <c r="AG99" s="7"/>
      <c r="AH99" s="7"/>
      <c r="AI99" s="7"/>
      <c r="AJ99" s="7"/>
      <c r="AK99" s="8"/>
      <c r="AL99" s="1"/>
      <c r="AM99" s="1"/>
      <c r="AN99" s="1"/>
      <c r="AO99" s="1"/>
    </row>
    <row r="100" spans="2:41" ht="20.25" customHeight="1" x14ac:dyDescent="0.2">
      <c r="B100" s="7"/>
      <c r="C100" s="7"/>
      <c r="D100" s="7"/>
      <c r="E100" s="8"/>
      <c r="F100" s="8"/>
      <c r="G100" s="7"/>
      <c r="H100" s="8"/>
      <c r="I100" s="8"/>
      <c r="J100" s="7"/>
      <c r="K100" s="8"/>
      <c r="L100" s="8"/>
      <c r="M100" s="8"/>
      <c r="N100" s="8"/>
      <c r="O100" s="8"/>
      <c r="P100" s="8"/>
      <c r="Q100" s="7"/>
      <c r="R100" s="7"/>
      <c r="S100" s="7"/>
      <c r="T100" s="7"/>
      <c r="U100" s="7"/>
      <c r="V100" s="7"/>
      <c r="W100" s="8"/>
      <c r="X100" s="7"/>
      <c r="Y100" s="7"/>
      <c r="Z100" s="7"/>
      <c r="AA100" s="7"/>
      <c r="AB100" s="7"/>
      <c r="AC100" s="7"/>
      <c r="AD100" s="8"/>
      <c r="AE100" s="8"/>
      <c r="AF100" s="8"/>
      <c r="AG100" s="7"/>
      <c r="AH100" s="7"/>
      <c r="AI100" s="7"/>
      <c r="AJ100" s="7"/>
      <c r="AK100" s="8"/>
      <c r="AL100" s="1"/>
      <c r="AM100" s="1"/>
      <c r="AN100" s="1"/>
      <c r="AO100" s="1"/>
    </row>
    <row r="101" spans="2:41" ht="20.25" customHeight="1" x14ac:dyDescent="0.2">
      <c r="B101" s="7"/>
      <c r="C101" s="7"/>
      <c r="D101" s="7"/>
      <c r="E101" s="8"/>
      <c r="F101" s="8"/>
      <c r="G101" s="7"/>
      <c r="H101" s="8"/>
      <c r="I101" s="8"/>
      <c r="J101" s="7"/>
      <c r="K101" s="8"/>
      <c r="L101" s="8"/>
      <c r="M101" s="8"/>
      <c r="N101" s="8"/>
      <c r="O101" s="8"/>
      <c r="P101" s="8"/>
      <c r="Q101" s="7"/>
      <c r="R101" s="7"/>
      <c r="S101" s="7"/>
      <c r="T101" s="7"/>
      <c r="U101" s="7"/>
      <c r="V101" s="7"/>
      <c r="W101" s="8"/>
      <c r="X101" s="7"/>
      <c r="Y101" s="7"/>
      <c r="Z101" s="7"/>
      <c r="AA101" s="7"/>
      <c r="AB101" s="7"/>
      <c r="AC101" s="7"/>
      <c r="AD101" s="8"/>
      <c r="AE101" s="8"/>
      <c r="AF101" s="8"/>
      <c r="AG101" s="7"/>
      <c r="AH101" s="7"/>
      <c r="AI101" s="7"/>
      <c r="AJ101" s="7"/>
      <c r="AK101" s="8"/>
      <c r="AL101" s="1"/>
      <c r="AM101" s="1"/>
      <c r="AN101" s="1"/>
      <c r="AO101" s="1"/>
    </row>
    <row r="102" spans="2:41" ht="20.25" customHeight="1" x14ac:dyDescent="0.2">
      <c r="B102" s="7"/>
      <c r="C102" s="7"/>
      <c r="D102" s="7"/>
      <c r="E102" s="8"/>
      <c r="F102" s="8"/>
      <c r="G102" s="7"/>
      <c r="H102" s="8"/>
      <c r="I102" s="8"/>
      <c r="J102" s="7"/>
      <c r="K102" s="8"/>
      <c r="L102" s="8"/>
      <c r="M102" s="8"/>
      <c r="N102" s="8"/>
      <c r="O102" s="8"/>
      <c r="P102" s="8"/>
      <c r="Q102" s="7"/>
      <c r="R102" s="7"/>
      <c r="S102" s="7"/>
      <c r="T102" s="7"/>
      <c r="U102" s="7"/>
      <c r="V102" s="7"/>
      <c r="W102" s="8"/>
      <c r="X102" s="7"/>
      <c r="Y102" s="7"/>
      <c r="Z102" s="7"/>
      <c r="AA102" s="7"/>
      <c r="AB102" s="7"/>
      <c r="AC102" s="7"/>
      <c r="AD102" s="8"/>
      <c r="AE102" s="8"/>
      <c r="AF102" s="8"/>
      <c r="AG102" s="7"/>
      <c r="AH102" s="7"/>
      <c r="AI102" s="7"/>
      <c r="AJ102" s="7"/>
      <c r="AK102" s="8"/>
      <c r="AL102" s="1"/>
      <c r="AM102" s="1"/>
      <c r="AN102" s="1"/>
      <c r="AO102" s="1"/>
    </row>
    <row r="103" spans="2:41" ht="20.25" customHeight="1" x14ac:dyDescent="0.2">
      <c r="B103" s="7"/>
      <c r="C103" s="7"/>
      <c r="D103" s="7"/>
      <c r="E103" s="8"/>
      <c r="F103" s="8"/>
      <c r="G103" s="7"/>
      <c r="H103" s="8"/>
      <c r="I103" s="8"/>
      <c r="J103" s="7"/>
      <c r="K103" s="8"/>
      <c r="L103" s="8"/>
      <c r="M103" s="8"/>
      <c r="N103" s="8"/>
      <c r="O103" s="8"/>
      <c r="P103" s="8"/>
      <c r="Q103" s="7"/>
      <c r="R103" s="7"/>
      <c r="S103" s="7"/>
      <c r="T103" s="7"/>
      <c r="U103" s="7"/>
      <c r="V103" s="7"/>
      <c r="W103" s="8"/>
      <c r="X103" s="7"/>
      <c r="Y103" s="7"/>
      <c r="Z103" s="7"/>
      <c r="AA103" s="7"/>
      <c r="AB103" s="7"/>
      <c r="AC103" s="7"/>
      <c r="AD103" s="8"/>
      <c r="AE103" s="8"/>
      <c r="AF103" s="8"/>
      <c r="AG103" s="7"/>
      <c r="AH103" s="7"/>
      <c r="AI103" s="7"/>
      <c r="AJ103" s="7"/>
      <c r="AK103" s="8"/>
      <c r="AL103" s="1"/>
      <c r="AM103" s="1"/>
      <c r="AN103" s="1"/>
      <c r="AO103" s="1"/>
    </row>
    <row r="104" spans="2:41" ht="20.25" customHeight="1" x14ac:dyDescent="0.2">
      <c r="B104" s="7"/>
      <c r="C104" s="7"/>
      <c r="D104" s="7"/>
      <c r="E104" s="8"/>
      <c r="F104" s="8"/>
      <c r="G104" s="7"/>
      <c r="H104" s="8"/>
      <c r="I104" s="8"/>
      <c r="J104" s="7"/>
      <c r="K104" s="8"/>
      <c r="L104" s="8"/>
      <c r="M104" s="8"/>
      <c r="N104" s="8"/>
      <c r="O104" s="8"/>
      <c r="P104" s="8"/>
      <c r="Q104" s="7"/>
      <c r="R104" s="7"/>
      <c r="S104" s="7"/>
      <c r="T104" s="7"/>
      <c r="U104" s="7"/>
      <c r="V104" s="7"/>
      <c r="W104" s="8"/>
      <c r="X104" s="7"/>
      <c r="Y104" s="7"/>
      <c r="Z104" s="7"/>
      <c r="AA104" s="7"/>
      <c r="AB104" s="7"/>
      <c r="AC104" s="7"/>
      <c r="AD104" s="8"/>
      <c r="AE104" s="8"/>
      <c r="AF104" s="8"/>
      <c r="AG104" s="7"/>
      <c r="AH104" s="7"/>
      <c r="AI104" s="7"/>
      <c r="AJ104" s="7"/>
      <c r="AK104" s="8"/>
      <c r="AL104" s="1"/>
      <c r="AM104" s="1"/>
      <c r="AN104" s="1"/>
      <c r="AO104" s="1"/>
    </row>
    <row r="105" spans="2:41" ht="20.25" customHeight="1" x14ac:dyDescent="0.2">
      <c r="B105" s="7"/>
      <c r="C105" s="7"/>
      <c r="D105" s="7"/>
      <c r="E105" s="8"/>
      <c r="F105" s="8"/>
      <c r="G105" s="7"/>
      <c r="H105" s="8"/>
      <c r="I105" s="8"/>
      <c r="J105" s="7"/>
      <c r="K105" s="8"/>
      <c r="L105" s="8"/>
      <c r="M105" s="8"/>
      <c r="N105" s="8"/>
      <c r="O105" s="8"/>
      <c r="P105" s="8"/>
      <c r="Q105" s="7"/>
      <c r="R105" s="7"/>
      <c r="S105" s="7"/>
      <c r="T105" s="7"/>
      <c r="U105" s="7"/>
      <c r="V105" s="7"/>
      <c r="W105" s="8"/>
      <c r="X105" s="7"/>
      <c r="Y105" s="7"/>
      <c r="Z105" s="7"/>
      <c r="AA105" s="7"/>
      <c r="AB105" s="7"/>
      <c r="AC105" s="7"/>
      <c r="AD105" s="8"/>
      <c r="AE105" s="8"/>
      <c r="AF105" s="8"/>
      <c r="AG105" s="7"/>
      <c r="AH105" s="7"/>
      <c r="AI105" s="7"/>
      <c r="AJ105" s="7"/>
      <c r="AK105" s="8"/>
      <c r="AL105" s="1"/>
      <c r="AM105" s="1"/>
      <c r="AN105" s="1"/>
      <c r="AO105" s="1"/>
    </row>
    <row r="106" spans="2:41" ht="20.25" customHeight="1" x14ac:dyDescent="0.2">
      <c r="B106" s="7"/>
      <c r="C106" s="7"/>
      <c r="D106" s="7"/>
      <c r="E106" s="8"/>
      <c r="F106" s="8"/>
      <c r="G106" s="7"/>
      <c r="H106" s="8"/>
      <c r="I106" s="8"/>
      <c r="J106" s="7"/>
      <c r="K106" s="8"/>
      <c r="L106" s="8"/>
      <c r="M106" s="8"/>
      <c r="N106" s="8"/>
      <c r="O106" s="8"/>
      <c r="P106" s="8"/>
      <c r="Q106" s="7"/>
      <c r="R106" s="7"/>
      <c r="S106" s="7"/>
      <c r="T106" s="7"/>
      <c r="U106" s="7"/>
      <c r="V106" s="7"/>
      <c r="W106" s="8"/>
      <c r="X106" s="7"/>
      <c r="Y106" s="7"/>
      <c r="Z106" s="7"/>
      <c r="AA106" s="7"/>
      <c r="AB106" s="7"/>
      <c r="AC106" s="7"/>
      <c r="AD106" s="8"/>
      <c r="AE106" s="8"/>
      <c r="AF106" s="8"/>
      <c r="AG106" s="7"/>
      <c r="AH106" s="7"/>
      <c r="AI106" s="7"/>
      <c r="AJ106" s="7"/>
      <c r="AK106" s="8"/>
      <c r="AL106" s="1"/>
      <c r="AM106" s="1"/>
      <c r="AN106" s="1"/>
      <c r="AO106" s="1"/>
    </row>
    <row r="107" spans="2:41" ht="20.25" customHeight="1" x14ac:dyDescent="0.2">
      <c r="B107" s="7"/>
      <c r="C107" s="7"/>
      <c r="D107" s="7"/>
      <c r="E107" s="8"/>
      <c r="F107" s="8"/>
      <c r="G107" s="7"/>
      <c r="H107" s="8"/>
      <c r="I107" s="8"/>
      <c r="J107" s="7"/>
      <c r="K107" s="8"/>
      <c r="L107" s="8"/>
      <c r="M107" s="8"/>
      <c r="N107" s="8"/>
      <c r="O107" s="8"/>
      <c r="P107" s="8"/>
      <c r="Q107" s="7"/>
      <c r="R107" s="7"/>
      <c r="S107" s="7"/>
      <c r="T107" s="7"/>
      <c r="U107" s="7"/>
      <c r="V107" s="7"/>
      <c r="W107" s="8"/>
      <c r="X107" s="7"/>
      <c r="Y107" s="7"/>
      <c r="Z107" s="7"/>
      <c r="AA107" s="7"/>
      <c r="AB107" s="7"/>
      <c r="AC107" s="7"/>
      <c r="AD107" s="8"/>
      <c r="AE107" s="8"/>
      <c r="AF107" s="8"/>
      <c r="AG107" s="7"/>
      <c r="AH107" s="7"/>
      <c r="AI107" s="7"/>
      <c r="AJ107" s="7"/>
      <c r="AK107" s="8"/>
      <c r="AL107" s="1"/>
      <c r="AM107" s="1"/>
      <c r="AN107" s="1"/>
      <c r="AO107" s="1"/>
    </row>
    <row r="108" spans="2:41" ht="20.25" customHeight="1" x14ac:dyDescent="0.2">
      <c r="B108" s="7"/>
      <c r="C108" s="7"/>
      <c r="D108" s="7"/>
      <c r="E108" s="8"/>
      <c r="F108" s="8"/>
      <c r="G108" s="7"/>
      <c r="H108" s="8"/>
      <c r="I108" s="8"/>
      <c r="J108" s="7"/>
      <c r="K108" s="8"/>
      <c r="L108" s="8"/>
      <c r="M108" s="8"/>
      <c r="N108" s="8"/>
      <c r="O108" s="8"/>
      <c r="P108" s="8"/>
      <c r="Q108" s="7"/>
      <c r="R108" s="7"/>
      <c r="S108" s="7"/>
      <c r="T108" s="7"/>
      <c r="U108" s="7"/>
      <c r="V108" s="7"/>
      <c r="W108" s="8"/>
      <c r="X108" s="7"/>
      <c r="Y108" s="7"/>
      <c r="Z108" s="7"/>
      <c r="AA108" s="7"/>
      <c r="AB108" s="7"/>
      <c r="AC108" s="7"/>
      <c r="AD108" s="8"/>
      <c r="AE108" s="8"/>
      <c r="AF108" s="8"/>
      <c r="AG108" s="7"/>
      <c r="AH108" s="7"/>
      <c r="AI108" s="7"/>
      <c r="AJ108" s="7"/>
      <c r="AK108" s="8"/>
      <c r="AL108" s="1"/>
      <c r="AM108" s="1"/>
      <c r="AN108" s="1"/>
      <c r="AO108" s="1"/>
    </row>
    <row r="109" spans="2:41" ht="20.25" customHeight="1" x14ac:dyDescent="0.2">
      <c r="B109" s="7"/>
      <c r="C109" s="7"/>
      <c r="D109" s="7"/>
      <c r="E109" s="8"/>
      <c r="F109" s="8"/>
      <c r="G109" s="7"/>
      <c r="H109" s="8"/>
      <c r="I109" s="8"/>
      <c r="J109" s="7"/>
      <c r="K109" s="8"/>
      <c r="L109" s="8"/>
      <c r="M109" s="8"/>
      <c r="N109" s="8"/>
      <c r="O109" s="8"/>
      <c r="P109" s="8"/>
      <c r="Q109" s="7"/>
      <c r="R109" s="7"/>
      <c r="S109" s="7"/>
      <c r="T109" s="7"/>
      <c r="U109" s="7"/>
      <c r="V109" s="7"/>
      <c r="W109" s="8"/>
      <c r="X109" s="7"/>
      <c r="Y109" s="7"/>
      <c r="Z109" s="7"/>
      <c r="AA109" s="7"/>
      <c r="AB109" s="7"/>
      <c r="AC109" s="7"/>
      <c r="AD109" s="8"/>
      <c r="AE109" s="8"/>
      <c r="AF109" s="8"/>
      <c r="AG109" s="7"/>
      <c r="AH109" s="7"/>
      <c r="AI109" s="7"/>
      <c r="AJ109" s="7"/>
      <c r="AK109" s="8"/>
      <c r="AL109" s="1"/>
      <c r="AM109" s="1"/>
      <c r="AN109" s="1"/>
      <c r="AO109" s="1"/>
    </row>
    <row r="110" spans="2:41" ht="20.25" customHeight="1" x14ac:dyDescent="0.2">
      <c r="B110" s="7"/>
      <c r="C110" s="7"/>
      <c r="D110" s="7"/>
      <c r="E110" s="8"/>
      <c r="F110" s="8"/>
      <c r="G110" s="7"/>
      <c r="H110" s="8"/>
      <c r="I110" s="8"/>
      <c r="J110" s="7"/>
      <c r="K110" s="8"/>
      <c r="L110" s="8"/>
      <c r="M110" s="8"/>
      <c r="N110" s="8"/>
      <c r="O110" s="8"/>
      <c r="P110" s="8"/>
      <c r="Q110" s="7"/>
      <c r="R110" s="7"/>
      <c r="S110" s="7"/>
      <c r="T110" s="7"/>
      <c r="U110" s="7"/>
      <c r="V110" s="7"/>
      <c r="W110" s="8"/>
      <c r="X110" s="7"/>
      <c r="Y110" s="7"/>
      <c r="Z110" s="7"/>
      <c r="AA110" s="7"/>
      <c r="AB110" s="7"/>
      <c r="AC110" s="7"/>
      <c r="AD110" s="8"/>
      <c r="AE110" s="8"/>
      <c r="AF110" s="8"/>
      <c r="AG110" s="7"/>
      <c r="AH110" s="7"/>
      <c r="AI110" s="7"/>
      <c r="AJ110" s="7"/>
      <c r="AK110" s="8"/>
      <c r="AL110" s="1"/>
      <c r="AM110" s="1"/>
      <c r="AN110" s="1"/>
      <c r="AO110" s="1"/>
    </row>
    <row r="111" spans="2:41" ht="20.25" customHeight="1" x14ac:dyDescent="0.2">
      <c r="B111" s="7"/>
      <c r="C111" s="7"/>
      <c r="D111" s="7"/>
      <c r="E111" s="8"/>
      <c r="F111" s="8"/>
      <c r="G111" s="7"/>
      <c r="H111" s="8"/>
      <c r="I111" s="8"/>
      <c r="J111" s="7"/>
      <c r="K111" s="8"/>
      <c r="L111" s="8"/>
      <c r="M111" s="8"/>
      <c r="N111" s="8"/>
      <c r="O111" s="8"/>
      <c r="P111" s="8"/>
      <c r="Q111" s="7"/>
      <c r="R111" s="7"/>
      <c r="S111" s="7"/>
      <c r="T111" s="7"/>
      <c r="U111" s="7"/>
      <c r="V111" s="7"/>
      <c r="W111" s="8"/>
      <c r="X111" s="7"/>
      <c r="Y111" s="7"/>
      <c r="Z111" s="7"/>
      <c r="AA111" s="7"/>
      <c r="AB111" s="7"/>
      <c r="AC111" s="7"/>
      <c r="AD111" s="8"/>
      <c r="AE111" s="8"/>
      <c r="AF111" s="8"/>
      <c r="AG111" s="7"/>
      <c r="AH111" s="7"/>
      <c r="AI111" s="7"/>
      <c r="AJ111" s="7"/>
      <c r="AK111" s="8"/>
      <c r="AL111" s="1"/>
      <c r="AM111" s="1"/>
      <c r="AN111" s="1"/>
      <c r="AO111" s="1"/>
    </row>
    <row r="112" spans="2:41" ht="20.25" customHeight="1" x14ac:dyDescent="0.2">
      <c r="D112" s="7"/>
      <c r="H112" s="8"/>
      <c r="I112" s="8"/>
      <c r="J112" s="7"/>
      <c r="K112" s="8"/>
      <c r="L112" s="8"/>
      <c r="M112" s="8"/>
      <c r="N112" s="8"/>
      <c r="O112" s="8"/>
      <c r="P112" s="8"/>
      <c r="Q112" s="7"/>
      <c r="R112" s="7"/>
      <c r="S112" s="7"/>
      <c r="T112" s="7"/>
      <c r="U112" s="7"/>
      <c r="V112" s="7"/>
      <c r="W112" s="8"/>
      <c r="X112" s="7"/>
      <c r="Y112" s="7"/>
      <c r="Z112" s="7"/>
      <c r="AA112" s="7"/>
      <c r="AB112" s="7"/>
      <c r="AC112" s="7"/>
      <c r="AD112" s="8"/>
      <c r="AE112" s="8"/>
      <c r="AF112" s="8"/>
      <c r="AG112" s="7"/>
      <c r="AH112" s="7"/>
      <c r="AI112" s="7"/>
      <c r="AJ112" s="7"/>
      <c r="AK112" s="8"/>
      <c r="AL112" s="1"/>
      <c r="AM112" s="1"/>
      <c r="AN112" s="1"/>
      <c r="AO112" s="1"/>
    </row>
    <row r="113" spans="4:41" ht="20.25" customHeight="1" x14ac:dyDescent="0.2">
      <c r="D113" s="7"/>
      <c r="H113" s="8"/>
      <c r="I113" s="8"/>
      <c r="J113" s="7"/>
      <c r="K113" s="8"/>
      <c r="L113" s="8"/>
      <c r="M113" s="8"/>
      <c r="N113" s="8"/>
      <c r="O113" s="8"/>
      <c r="P113" s="8"/>
      <c r="Q113" s="7"/>
      <c r="R113" s="7"/>
      <c r="S113" s="7"/>
      <c r="T113" s="7"/>
      <c r="U113" s="7"/>
      <c r="V113" s="7"/>
      <c r="W113" s="8"/>
      <c r="X113" s="7"/>
      <c r="Y113" s="7"/>
      <c r="Z113" s="7"/>
      <c r="AA113" s="7"/>
      <c r="AB113" s="7"/>
      <c r="AC113" s="7"/>
      <c r="AD113" s="8"/>
      <c r="AE113" s="8"/>
      <c r="AF113" s="8"/>
      <c r="AG113" s="7"/>
      <c r="AH113" s="7"/>
      <c r="AI113" s="7"/>
      <c r="AJ113" s="7"/>
      <c r="AK113" s="8"/>
      <c r="AL113" s="1"/>
      <c r="AM113" s="1"/>
      <c r="AN113" s="1"/>
      <c r="AO113" s="1"/>
    </row>
    <row r="114" spans="4:41" ht="20.25" customHeight="1" x14ac:dyDescent="0.2">
      <c r="D114" s="7"/>
      <c r="H114" s="8"/>
      <c r="I114" s="8"/>
      <c r="J114" s="7"/>
      <c r="K114" s="8"/>
      <c r="L114" s="8"/>
      <c r="M114" s="8"/>
      <c r="N114" s="8"/>
      <c r="O114" s="8"/>
      <c r="P114" s="8"/>
      <c r="Q114" s="7"/>
      <c r="R114" s="7"/>
      <c r="S114" s="7"/>
      <c r="T114" s="7"/>
      <c r="U114" s="7"/>
      <c r="V114" s="7"/>
      <c r="W114" s="8"/>
      <c r="X114" s="7"/>
      <c r="Y114" s="7"/>
      <c r="Z114" s="7"/>
      <c r="AA114" s="7"/>
      <c r="AB114" s="7"/>
      <c r="AC114" s="7"/>
      <c r="AD114" s="8"/>
      <c r="AE114" s="8"/>
      <c r="AF114" s="8"/>
      <c r="AG114" s="7"/>
      <c r="AH114" s="7"/>
      <c r="AI114" s="7"/>
      <c r="AJ114" s="7"/>
      <c r="AK114" s="8"/>
      <c r="AL114" s="1"/>
      <c r="AM114" s="1"/>
      <c r="AN114" s="1"/>
      <c r="AO114" s="1"/>
    </row>
    <row r="115" spans="4:41" ht="20.25" customHeight="1" x14ac:dyDescent="0.2">
      <c r="D115" s="7"/>
      <c r="H115" s="8"/>
      <c r="I115" s="8"/>
      <c r="J115" s="7"/>
      <c r="K115" s="8"/>
      <c r="L115" s="8"/>
      <c r="M115" s="8"/>
      <c r="N115" s="8"/>
      <c r="O115" s="8"/>
      <c r="P115" s="8"/>
      <c r="Q115" s="7"/>
      <c r="R115" s="7"/>
      <c r="S115" s="7"/>
      <c r="T115" s="7"/>
      <c r="U115" s="7"/>
      <c r="V115" s="7"/>
      <c r="W115" s="8"/>
      <c r="X115" s="7"/>
      <c r="Y115" s="7"/>
      <c r="Z115" s="7"/>
      <c r="AA115" s="7"/>
      <c r="AB115" s="7"/>
      <c r="AC115" s="7"/>
      <c r="AD115" s="8"/>
      <c r="AE115" s="8"/>
      <c r="AF115" s="8"/>
      <c r="AG115" s="7"/>
      <c r="AH115" s="7"/>
      <c r="AI115" s="7"/>
      <c r="AJ115" s="7"/>
      <c r="AK115" s="8"/>
      <c r="AL115" s="1"/>
      <c r="AM115" s="1"/>
      <c r="AN115" s="1"/>
      <c r="AO115" s="1"/>
    </row>
    <row r="116" spans="4:41" ht="20.25" customHeight="1" x14ac:dyDescent="0.2">
      <c r="D116" s="7"/>
      <c r="H116" s="8"/>
      <c r="I116" s="8"/>
      <c r="J116" s="7"/>
      <c r="K116" s="8"/>
      <c r="L116" s="8"/>
      <c r="M116" s="8"/>
      <c r="N116" s="8"/>
      <c r="O116" s="8"/>
      <c r="P116" s="8"/>
      <c r="Q116" s="7"/>
      <c r="R116" s="7"/>
      <c r="S116" s="7"/>
      <c r="T116" s="7"/>
      <c r="U116" s="7"/>
      <c r="V116" s="7"/>
      <c r="W116" s="8"/>
      <c r="X116" s="7"/>
      <c r="Y116" s="7"/>
      <c r="Z116" s="7"/>
      <c r="AA116" s="7"/>
      <c r="AB116" s="7"/>
      <c r="AC116" s="7"/>
      <c r="AD116" s="8"/>
      <c r="AE116" s="8"/>
      <c r="AF116" s="8"/>
      <c r="AG116" s="7"/>
      <c r="AH116" s="7"/>
      <c r="AI116" s="7"/>
      <c r="AJ116" s="7"/>
      <c r="AK116" s="8"/>
      <c r="AL116" s="1"/>
      <c r="AM116" s="1"/>
      <c r="AN116" s="1"/>
      <c r="AO116" s="1"/>
    </row>
    <row r="117" spans="4:41" ht="20.25" customHeight="1" x14ac:dyDescent="0.2">
      <c r="D117" s="7"/>
      <c r="H117" s="8"/>
      <c r="I117" s="8"/>
      <c r="J117" s="7"/>
      <c r="K117" s="8"/>
      <c r="L117" s="8"/>
      <c r="M117" s="8"/>
      <c r="N117" s="8"/>
      <c r="O117" s="8"/>
      <c r="P117" s="8"/>
      <c r="Q117" s="7"/>
      <c r="R117" s="7"/>
      <c r="S117" s="7"/>
      <c r="T117" s="7"/>
      <c r="U117" s="7"/>
      <c r="V117" s="7"/>
      <c r="W117" s="8"/>
      <c r="X117" s="7"/>
      <c r="Y117" s="7"/>
      <c r="Z117" s="7"/>
      <c r="AA117" s="7"/>
      <c r="AB117" s="7"/>
      <c r="AC117" s="7"/>
      <c r="AD117" s="8"/>
      <c r="AE117" s="8"/>
      <c r="AF117" s="8"/>
      <c r="AG117" s="7"/>
      <c r="AH117" s="7"/>
      <c r="AI117" s="7"/>
      <c r="AJ117" s="7"/>
      <c r="AK117" s="8"/>
      <c r="AL117" s="1"/>
      <c r="AM117" s="1"/>
      <c r="AN117" s="1"/>
      <c r="AO117" s="1"/>
    </row>
    <row r="118" spans="4:41" ht="20.25" customHeight="1" x14ac:dyDescent="0.2">
      <c r="D118" s="7"/>
      <c r="H118" s="8"/>
      <c r="I118" s="8"/>
      <c r="J118" s="7"/>
      <c r="K118" s="8"/>
      <c r="L118" s="8"/>
      <c r="M118" s="8"/>
      <c r="N118" s="8"/>
      <c r="O118" s="8"/>
      <c r="P118" s="8"/>
      <c r="Q118" s="7"/>
      <c r="R118" s="7"/>
      <c r="S118" s="7"/>
      <c r="T118" s="7"/>
      <c r="U118" s="7"/>
      <c r="V118" s="7"/>
      <c r="W118" s="8"/>
      <c r="X118" s="7"/>
      <c r="Y118" s="7"/>
      <c r="Z118" s="7"/>
      <c r="AA118" s="7"/>
      <c r="AB118" s="7"/>
      <c r="AC118" s="7"/>
      <c r="AD118" s="8"/>
      <c r="AE118" s="8"/>
      <c r="AF118" s="8"/>
      <c r="AG118" s="7"/>
      <c r="AH118" s="7"/>
      <c r="AI118" s="7"/>
      <c r="AJ118" s="7"/>
      <c r="AK118" s="8"/>
      <c r="AL118" s="1"/>
      <c r="AM118" s="1"/>
      <c r="AN118" s="1"/>
      <c r="AO118" s="1"/>
    </row>
    <row r="119" spans="4:41" ht="20.25" customHeight="1" x14ac:dyDescent="0.2">
      <c r="D119" s="7"/>
      <c r="H119" s="8"/>
      <c r="I119" s="8"/>
      <c r="J119" s="7"/>
      <c r="K119" s="8"/>
      <c r="L119" s="8"/>
      <c r="M119" s="8"/>
      <c r="N119" s="8"/>
      <c r="O119" s="8"/>
      <c r="P119" s="8"/>
      <c r="Q119" s="7"/>
      <c r="R119" s="7"/>
      <c r="S119" s="7"/>
      <c r="T119" s="7"/>
      <c r="U119" s="7"/>
      <c r="V119" s="7"/>
      <c r="W119" s="8"/>
      <c r="X119" s="7"/>
      <c r="Y119" s="7"/>
      <c r="Z119" s="7"/>
      <c r="AA119" s="7"/>
      <c r="AB119" s="7"/>
      <c r="AC119" s="7"/>
      <c r="AD119" s="8"/>
      <c r="AE119" s="8"/>
      <c r="AF119" s="8"/>
      <c r="AG119" s="7"/>
      <c r="AH119" s="7"/>
      <c r="AI119" s="7"/>
      <c r="AJ119" s="7"/>
      <c r="AK119" s="8"/>
      <c r="AL119" s="1"/>
      <c r="AM119" s="1"/>
      <c r="AN119" s="1"/>
      <c r="AO119" s="1"/>
    </row>
    <row r="120" spans="4:41" ht="20.25" customHeight="1" x14ac:dyDescent="0.2">
      <c r="D120" s="7"/>
      <c r="H120" s="8"/>
      <c r="I120" s="8"/>
      <c r="J120" s="7"/>
      <c r="K120" s="8"/>
      <c r="L120" s="8"/>
      <c r="M120" s="8"/>
      <c r="N120" s="8"/>
      <c r="O120" s="8"/>
      <c r="P120" s="8"/>
      <c r="Q120" s="7"/>
      <c r="R120" s="7"/>
      <c r="S120" s="7"/>
      <c r="T120" s="7"/>
      <c r="U120" s="7"/>
      <c r="V120" s="7"/>
      <c r="W120" s="8"/>
      <c r="X120" s="7"/>
      <c r="Y120" s="7"/>
      <c r="Z120" s="7"/>
      <c r="AA120" s="7"/>
      <c r="AB120" s="7"/>
      <c r="AC120" s="7"/>
      <c r="AD120" s="8"/>
      <c r="AE120" s="8"/>
      <c r="AF120" s="8"/>
      <c r="AG120" s="7"/>
      <c r="AH120" s="7"/>
      <c r="AI120" s="7"/>
      <c r="AJ120" s="7"/>
      <c r="AK120" s="8"/>
      <c r="AL120" s="1"/>
      <c r="AM120" s="1"/>
      <c r="AN120" s="1"/>
      <c r="AO120" s="1"/>
    </row>
    <row r="121" spans="4:41" ht="20.25" customHeight="1" x14ac:dyDescent="0.2">
      <c r="D121" s="7"/>
      <c r="H121" s="8"/>
      <c r="I121" s="8"/>
      <c r="J121" s="7"/>
      <c r="K121" s="8"/>
      <c r="L121" s="8"/>
      <c r="M121" s="8"/>
      <c r="N121" s="8"/>
      <c r="O121" s="8"/>
      <c r="P121" s="8"/>
      <c r="Q121" s="7"/>
      <c r="R121" s="7"/>
      <c r="S121" s="7"/>
      <c r="T121" s="7"/>
      <c r="U121" s="7"/>
      <c r="V121" s="7"/>
      <c r="W121" s="8"/>
      <c r="X121" s="7"/>
      <c r="Y121" s="7"/>
      <c r="Z121" s="7"/>
      <c r="AA121" s="7"/>
      <c r="AB121" s="7"/>
      <c r="AC121" s="7"/>
      <c r="AD121" s="8"/>
      <c r="AE121" s="8"/>
      <c r="AF121" s="8"/>
      <c r="AG121" s="7"/>
      <c r="AH121" s="7"/>
      <c r="AI121" s="7"/>
      <c r="AJ121" s="7"/>
      <c r="AK121" s="8"/>
      <c r="AL121" s="1"/>
      <c r="AM121" s="1"/>
      <c r="AN121" s="1"/>
      <c r="AO121" s="1"/>
    </row>
    <row r="122" spans="4:41" ht="20.25" customHeight="1" x14ac:dyDescent="0.2">
      <c r="D122" s="7"/>
      <c r="H122" s="8"/>
      <c r="I122" s="8"/>
      <c r="J122" s="7"/>
      <c r="K122" s="8"/>
      <c r="L122" s="8"/>
      <c r="M122" s="8"/>
      <c r="N122" s="8"/>
      <c r="O122" s="8"/>
      <c r="P122" s="8"/>
      <c r="Q122" s="7"/>
      <c r="R122" s="7"/>
      <c r="S122" s="7"/>
      <c r="T122" s="7"/>
      <c r="U122" s="7"/>
      <c r="V122" s="7"/>
      <c r="W122" s="8"/>
      <c r="X122" s="7"/>
      <c r="Y122" s="7"/>
      <c r="Z122" s="7"/>
      <c r="AA122" s="7"/>
      <c r="AB122" s="7"/>
      <c r="AC122" s="7"/>
      <c r="AD122" s="8"/>
      <c r="AE122" s="8"/>
      <c r="AF122" s="8"/>
      <c r="AG122" s="7"/>
      <c r="AH122" s="7"/>
      <c r="AI122" s="7"/>
      <c r="AJ122" s="7"/>
      <c r="AK122" s="8"/>
      <c r="AL122" s="1"/>
      <c r="AM122" s="1"/>
      <c r="AN122" s="1"/>
      <c r="AO122" s="1"/>
    </row>
    <row r="123" spans="4:41" ht="20.25" customHeight="1" x14ac:dyDescent="0.2">
      <c r="D123" s="7"/>
      <c r="H123" s="8"/>
      <c r="I123" s="8"/>
      <c r="J123" s="7"/>
      <c r="K123" s="8"/>
      <c r="L123" s="8"/>
      <c r="M123" s="8"/>
      <c r="N123" s="8"/>
      <c r="O123" s="8"/>
      <c r="P123" s="8"/>
      <c r="Q123" s="7"/>
      <c r="R123" s="7"/>
      <c r="S123" s="7"/>
      <c r="T123" s="7"/>
      <c r="U123" s="7"/>
      <c r="V123" s="7"/>
      <c r="W123" s="8"/>
      <c r="X123" s="7"/>
      <c r="Y123" s="7"/>
      <c r="Z123" s="7"/>
      <c r="AA123" s="7"/>
      <c r="AB123" s="7"/>
      <c r="AC123" s="7"/>
      <c r="AD123" s="8"/>
      <c r="AE123" s="8"/>
      <c r="AF123" s="8"/>
      <c r="AG123" s="7"/>
      <c r="AH123" s="7"/>
      <c r="AI123" s="7"/>
      <c r="AJ123" s="7"/>
      <c r="AK123" s="8"/>
      <c r="AL123" s="1"/>
      <c r="AM123" s="1"/>
      <c r="AN123" s="1"/>
      <c r="AO123" s="1"/>
    </row>
    <row r="124" spans="4:41" ht="20.25" customHeight="1" x14ac:dyDescent="0.2">
      <c r="D124" s="7"/>
      <c r="H124" s="8"/>
      <c r="I124" s="8"/>
      <c r="J124" s="7"/>
      <c r="K124" s="8"/>
      <c r="L124" s="8"/>
      <c r="M124" s="8"/>
      <c r="N124" s="8"/>
      <c r="O124" s="8"/>
      <c r="P124" s="8"/>
      <c r="Q124" s="7"/>
      <c r="R124" s="7"/>
      <c r="S124" s="7"/>
      <c r="T124" s="7"/>
      <c r="U124" s="7"/>
      <c r="V124" s="7"/>
      <c r="W124" s="8"/>
      <c r="X124" s="7"/>
      <c r="Y124" s="7"/>
      <c r="Z124" s="7"/>
      <c r="AA124" s="7"/>
      <c r="AB124" s="7"/>
      <c r="AC124" s="7"/>
      <c r="AD124" s="8"/>
      <c r="AE124" s="8"/>
      <c r="AF124" s="8"/>
      <c r="AG124" s="7"/>
      <c r="AH124" s="7"/>
      <c r="AI124" s="7"/>
      <c r="AJ124" s="7"/>
      <c r="AK124" s="8"/>
      <c r="AL124" s="1"/>
      <c r="AM124" s="1"/>
      <c r="AN124" s="1"/>
      <c r="AO124" s="1"/>
    </row>
    <row r="125" spans="4:41" ht="20.25" customHeight="1" x14ac:dyDescent="0.2">
      <c r="D125" s="7"/>
      <c r="H125" s="8"/>
      <c r="I125" s="8"/>
      <c r="J125" s="7"/>
      <c r="K125" s="8"/>
      <c r="L125" s="8"/>
      <c r="M125" s="8"/>
      <c r="N125" s="8"/>
      <c r="O125" s="8"/>
      <c r="P125" s="8"/>
      <c r="Q125" s="7"/>
      <c r="R125" s="7"/>
      <c r="S125" s="7"/>
      <c r="T125" s="7"/>
      <c r="U125" s="7"/>
      <c r="V125" s="7"/>
      <c r="W125" s="8"/>
      <c r="X125" s="7"/>
      <c r="Y125" s="7"/>
      <c r="Z125" s="7"/>
      <c r="AA125" s="7"/>
      <c r="AB125" s="7"/>
      <c r="AC125" s="7"/>
      <c r="AD125" s="8"/>
      <c r="AE125" s="8"/>
      <c r="AF125" s="8"/>
      <c r="AG125" s="7"/>
      <c r="AH125" s="7"/>
      <c r="AI125" s="7"/>
      <c r="AJ125" s="7"/>
      <c r="AK125" s="8"/>
      <c r="AL125" s="1"/>
      <c r="AM125" s="1"/>
      <c r="AN125" s="1"/>
      <c r="AO125" s="1"/>
    </row>
    <row r="126" spans="4:41" ht="20.25" customHeight="1" x14ac:dyDescent="0.2">
      <c r="D126" s="7"/>
      <c r="H126" s="8"/>
      <c r="I126" s="8"/>
      <c r="J126" s="7"/>
      <c r="K126" s="8"/>
      <c r="L126" s="8"/>
      <c r="M126" s="8"/>
      <c r="N126" s="8"/>
      <c r="O126" s="8"/>
      <c r="P126" s="8"/>
      <c r="Q126" s="7"/>
      <c r="R126" s="7"/>
      <c r="S126" s="7"/>
      <c r="T126" s="7"/>
      <c r="U126" s="7"/>
      <c r="V126" s="7"/>
      <c r="W126" s="8"/>
      <c r="X126" s="7"/>
      <c r="Y126" s="7"/>
      <c r="Z126" s="7"/>
      <c r="AA126" s="7"/>
      <c r="AB126" s="7"/>
      <c r="AC126" s="7"/>
      <c r="AD126" s="8"/>
      <c r="AE126" s="8"/>
      <c r="AF126" s="8"/>
      <c r="AG126" s="7"/>
      <c r="AH126" s="7"/>
      <c r="AI126" s="7"/>
      <c r="AJ126" s="7"/>
      <c r="AK126" s="8"/>
      <c r="AL126" s="1"/>
      <c r="AM126" s="1"/>
      <c r="AN126" s="1"/>
      <c r="AO126" s="1"/>
    </row>
    <row r="127" spans="4:41" ht="20.25" customHeight="1" x14ac:dyDescent="0.2">
      <c r="D127" s="7"/>
      <c r="H127" s="8"/>
      <c r="I127" s="8"/>
      <c r="J127" s="7"/>
      <c r="K127" s="8"/>
      <c r="L127" s="8"/>
      <c r="M127" s="8"/>
      <c r="N127" s="8"/>
      <c r="O127" s="8"/>
      <c r="P127" s="8"/>
      <c r="Q127" s="7"/>
      <c r="R127" s="7"/>
      <c r="S127" s="7"/>
      <c r="T127" s="7"/>
      <c r="U127" s="7"/>
      <c r="V127" s="7"/>
      <c r="W127" s="8"/>
      <c r="X127" s="7"/>
      <c r="Y127" s="7"/>
      <c r="Z127" s="7"/>
      <c r="AA127" s="7"/>
      <c r="AB127" s="7"/>
      <c r="AC127" s="7"/>
      <c r="AD127" s="8"/>
      <c r="AE127" s="8"/>
      <c r="AF127" s="8"/>
      <c r="AG127" s="7"/>
      <c r="AH127" s="7"/>
      <c r="AI127" s="7"/>
      <c r="AJ127" s="7"/>
      <c r="AK127" s="8"/>
      <c r="AL127" s="1"/>
      <c r="AM127" s="1"/>
      <c r="AN127" s="1"/>
      <c r="AO127" s="1"/>
    </row>
    <row r="128" spans="4:41" ht="20.25" customHeight="1" x14ac:dyDescent="0.2"/>
    <row r="129" ht="20.25" customHeight="1" x14ac:dyDescent="0.2"/>
    <row r="130" ht="20.25" customHeight="1" x14ac:dyDescent="0.2"/>
    <row r="131" ht="20.25" customHeight="1" x14ac:dyDescent="0.2"/>
    <row r="132" ht="20.25" customHeight="1" x14ac:dyDescent="0.2"/>
    <row r="133" ht="20.25" customHeight="1" x14ac:dyDescent="0.2"/>
    <row r="134" ht="20.25" customHeight="1" x14ac:dyDescent="0.2"/>
    <row r="135" ht="20.25" customHeight="1" x14ac:dyDescent="0.2"/>
    <row r="136" ht="20.25" customHeight="1" x14ac:dyDescent="0.2"/>
    <row r="137" ht="20.25" customHeight="1" x14ac:dyDescent="0.2"/>
    <row r="138" ht="20.25" customHeight="1" x14ac:dyDescent="0.2"/>
    <row r="139" ht="20.25" customHeight="1" x14ac:dyDescent="0.2"/>
    <row r="140" ht="20.25" customHeight="1" x14ac:dyDescent="0.2"/>
    <row r="141" ht="20.25" customHeight="1" x14ac:dyDescent="0.2"/>
    <row r="142" ht="20.25" customHeight="1" x14ac:dyDescent="0.2"/>
    <row r="143" ht="20.25" customHeight="1" x14ac:dyDescent="0.2"/>
    <row r="144" ht="20.25" customHeight="1" x14ac:dyDescent="0.2"/>
    <row r="145" ht="20.25" customHeight="1" x14ac:dyDescent="0.2"/>
    <row r="146" ht="20.25" customHeight="1" x14ac:dyDescent="0.2"/>
    <row r="147" ht="20.25" customHeight="1" x14ac:dyDescent="0.2"/>
    <row r="148" ht="20.25" customHeight="1" x14ac:dyDescent="0.2"/>
    <row r="149" ht="20.25" customHeight="1" x14ac:dyDescent="0.2"/>
    <row r="150" ht="20.25" customHeight="1" x14ac:dyDescent="0.2"/>
    <row r="151" ht="20.25" customHeight="1" x14ac:dyDescent="0.2"/>
    <row r="152" ht="20.25" customHeight="1" x14ac:dyDescent="0.2"/>
    <row r="153" ht="20.25" customHeight="1" x14ac:dyDescent="0.2"/>
    <row r="154" ht="20.25" customHeight="1" x14ac:dyDescent="0.2"/>
    <row r="155" ht="20.25" customHeight="1" x14ac:dyDescent="0.2"/>
    <row r="156" ht="20.25" customHeight="1" x14ac:dyDescent="0.2"/>
    <row r="157" ht="20.25" customHeight="1" x14ac:dyDescent="0.2"/>
    <row r="158" ht="20.25" customHeight="1" x14ac:dyDescent="0.2"/>
    <row r="159" ht="20.25" customHeight="1" x14ac:dyDescent="0.2"/>
    <row r="160" ht="20.25" customHeight="1" x14ac:dyDescent="0.2"/>
    <row r="161" ht="20.25" customHeight="1" x14ac:dyDescent="0.2"/>
    <row r="162" ht="20.25" customHeight="1" x14ac:dyDescent="0.2"/>
    <row r="163" ht="20.25" customHeight="1" x14ac:dyDescent="0.2"/>
    <row r="164" ht="20.25" customHeight="1" x14ac:dyDescent="0.2"/>
    <row r="165" ht="20.25" customHeight="1" x14ac:dyDescent="0.2"/>
    <row r="166" ht="20.25" customHeight="1" x14ac:dyDescent="0.2"/>
    <row r="167" ht="20.25" customHeight="1" x14ac:dyDescent="0.2"/>
    <row r="168" ht="20.25" customHeight="1" x14ac:dyDescent="0.2"/>
    <row r="169" ht="20.25" customHeight="1" x14ac:dyDescent="0.2"/>
    <row r="170" ht="20.25" customHeight="1" x14ac:dyDescent="0.2"/>
    <row r="171" ht="20.25" customHeight="1" x14ac:dyDescent="0.2"/>
    <row r="172" ht="20.25" customHeight="1" x14ac:dyDescent="0.2"/>
    <row r="173" ht="20.25" customHeight="1" x14ac:dyDescent="0.2"/>
    <row r="174" ht="20.25" customHeight="1" x14ac:dyDescent="0.2"/>
    <row r="175" ht="20.25" customHeight="1" x14ac:dyDescent="0.2"/>
    <row r="176" ht="20.25" customHeight="1" x14ac:dyDescent="0.2"/>
    <row r="177" ht="20.25" customHeight="1" x14ac:dyDescent="0.2"/>
    <row r="178" ht="20.25" customHeight="1" x14ac:dyDescent="0.2"/>
    <row r="179" ht="20.25" customHeight="1" x14ac:dyDescent="0.2"/>
    <row r="180" ht="20.25" customHeight="1" x14ac:dyDescent="0.2"/>
    <row r="181" ht="20.25" customHeight="1" x14ac:dyDescent="0.2"/>
    <row r="182" ht="20.25" customHeight="1" x14ac:dyDescent="0.2"/>
    <row r="183" ht="20.25" customHeight="1" x14ac:dyDescent="0.2"/>
    <row r="184" ht="20.25" customHeight="1" x14ac:dyDescent="0.2"/>
    <row r="185" ht="20.25" customHeight="1" x14ac:dyDescent="0.2"/>
    <row r="186" ht="20.25" customHeight="1" x14ac:dyDescent="0.2"/>
    <row r="187" ht="20.25" customHeight="1" x14ac:dyDescent="0.2"/>
    <row r="188" ht="20.25" customHeight="1" x14ac:dyDescent="0.2"/>
    <row r="189" ht="20.25" customHeight="1" x14ac:dyDescent="0.2"/>
    <row r="190" ht="20.25" customHeight="1" x14ac:dyDescent="0.2"/>
    <row r="191" ht="20.25" customHeight="1" x14ac:dyDescent="0.2"/>
    <row r="192" ht="20.25" customHeight="1" x14ac:dyDescent="0.2"/>
    <row r="193" ht="20.25" customHeight="1" x14ac:dyDescent="0.2"/>
    <row r="194" ht="20.25" customHeight="1" x14ac:dyDescent="0.2"/>
    <row r="195" ht="20.25" customHeight="1" x14ac:dyDescent="0.2"/>
    <row r="196" ht="20.25" customHeight="1" x14ac:dyDescent="0.2"/>
    <row r="197" ht="20.25" customHeight="1" x14ac:dyDescent="0.2"/>
    <row r="198" ht="20.25" customHeight="1" x14ac:dyDescent="0.2"/>
    <row r="199" ht="20.25" customHeight="1" x14ac:dyDescent="0.2"/>
    <row r="200" ht="20.25" customHeight="1" x14ac:dyDescent="0.2"/>
    <row r="201" ht="20.25" customHeight="1" x14ac:dyDescent="0.2"/>
    <row r="202" ht="20.25" customHeight="1" x14ac:dyDescent="0.2"/>
    <row r="203" ht="20.25" customHeight="1" x14ac:dyDescent="0.2"/>
    <row r="204" ht="20.25" customHeight="1" x14ac:dyDescent="0.2"/>
    <row r="205" ht="20.25" customHeight="1" x14ac:dyDescent="0.2"/>
    <row r="206" ht="20.25" customHeight="1" x14ac:dyDescent="0.2"/>
    <row r="207" ht="20.25" customHeight="1" x14ac:dyDescent="0.2"/>
    <row r="208" ht="20.25" customHeight="1" x14ac:dyDescent="0.2"/>
    <row r="209" ht="20.25" customHeight="1" x14ac:dyDescent="0.2"/>
    <row r="210" ht="20.25" customHeight="1" x14ac:dyDescent="0.2"/>
    <row r="211" ht="20.25" customHeight="1" x14ac:dyDescent="0.2"/>
    <row r="212" ht="20.25" customHeight="1" x14ac:dyDescent="0.2"/>
    <row r="213" ht="20.25" customHeight="1" x14ac:dyDescent="0.2"/>
    <row r="214" ht="20.25" customHeight="1" x14ac:dyDescent="0.2"/>
    <row r="215" ht="20.25" customHeight="1" x14ac:dyDescent="0.2"/>
    <row r="216" ht="20.25" customHeight="1" x14ac:dyDescent="0.2"/>
    <row r="217" ht="20.25" customHeight="1" x14ac:dyDescent="0.2"/>
    <row r="218" ht="20.25" customHeight="1" x14ac:dyDescent="0.2"/>
    <row r="219" ht="20.25" customHeight="1" x14ac:dyDescent="0.2"/>
    <row r="220" ht="20.25" customHeight="1" x14ac:dyDescent="0.2"/>
    <row r="221" ht="20.25" customHeight="1" x14ac:dyDescent="0.2"/>
    <row r="222" ht="20.25" customHeight="1" x14ac:dyDescent="0.2"/>
    <row r="223" ht="20.25" customHeight="1" x14ac:dyDescent="0.2"/>
    <row r="224" ht="20.25" customHeight="1" x14ac:dyDescent="0.2"/>
    <row r="225" ht="20.25" customHeight="1" x14ac:dyDescent="0.2"/>
    <row r="226" ht="20.25" customHeight="1" x14ac:dyDescent="0.2"/>
    <row r="227" ht="20.25" customHeight="1" x14ac:dyDescent="0.2"/>
    <row r="228" ht="20.25" customHeight="1" x14ac:dyDescent="0.2"/>
    <row r="229" ht="20.25" customHeight="1" x14ac:dyDescent="0.2"/>
    <row r="230" ht="20.25" customHeight="1" x14ac:dyDescent="0.2"/>
    <row r="231" ht="20.25" customHeight="1" x14ac:dyDescent="0.2"/>
    <row r="232" ht="20.25" customHeight="1" x14ac:dyDescent="0.2"/>
    <row r="233" ht="20.25" customHeight="1" x14ac:dyDescent="0.2"/>
    <row r="234" ht="20.25" customHeight="1" x14ac:dyDescent="0.2"/>
    <row r="235" ht="20.25" customHeight="1" x14ac:dyDescent="0.2"/>
    <row r="236" ht="20.25" customHeight="1" x14ac:dyDescent="0.2"/>
    <row r="237" ht="20.25" customHeight="1" x14ac:dyDescent="0.2"/>
    <row r="238" ht="20.25" customHeight="1" x14ac:dyDescent="0.2"/>
    <row r="239" ht="20.25" customHeight="1" x14ac:dyDescent="0.2"/>
    <row r="240" ht="20.25" customHeight="1" x14ac:dyDescent="0.2"/>
    <row r="241" ht="20.25" customHeight="1" x14ac:dyDescent="0.2"/>
    <row r="242" ht="20.25" customHeight="1" x14ac:dyDescent="0.2"/>
    <row r="243" ht="20.25" customHeight="1" x14ac:dyDescent="0.2"/>
    <row r="244" ht="20.25" customHeight="1" x14ac:dyDescent="0.2"/>
    <row r="245" ht="20.25" customHeight="1" x14ac:dyDescent="0.2"/>
    <row r="246" ht="20.25" customHeight="1" x14ac:dyDescent="0.2"/>
    <row r="247" ht="20.25" customHeight="1" x14ac:dyDescent="0.2"/>
    <row r="248" ht="20.25" customHeight="1" x14ac:dyDescent="0.2"/>
    <row r="249" ht="20.25" customHeight="1" x14ac:dyDescent="0.2"/>
    <row r="250" ht="20.25" customHeight="1" x14ac:dyDescent="0.2"/>
    <row r="251" ht="20.25" customHeight="1" x14ac:dyDescent="0.2"/>
    <row r="252" ht="20.25" customHeight="1" x14ac:dyDescent="0.2"/>
    <row r="253" ht="20.25" customHeight="1" x14ac:dyDescent="0.2"/>
    <row r="254" ht="20.25" customHeight="1" x14ac:dyDescent="0.2"/>
    <row r="255" ht="20.25" customHeight="1" x14ac:dyDescent="0.2"/>
    <row r="256" ht="20.25" customHeight="1" x14ac:dyDescent="0.2"/>
    <row r="257" ht="20.25" customHeight="1" x14ac:dyDescent="0.2"/>
    <row r="258" ht="20.25" customHeight="1" x14ac:dyDescent="0.2"/>
    <row r="259" ht="20.25" customHeight="1" x14ac:dyDescent="0.2"/>
    <row r="260" ht="20.25" customHeight="1" x14ac:dyDescent="0.2"/>
    <row r="261" ht="20.25" customHeight="1" x14ac:dyDescent="0.2"/>
    <row r="262" ht="20.25" customHeight="1" x14ac:dyDescent="0.2"/>
    <row r="263" ht="20.25" customHeight="1" x14ac:dyDescent="0.2"/>
    <row r="264" ht="20.25" customHeight="1" x14ac:dyDescent="0.2"/>
    <row r="265" ht="20.25" customHeight="1" x14ac:dyDescent="0.2"/>
    <row r="266" ht="20.25" customHeight="1" x14ac:dyDescent="0.2"/>
    <row r="267" ht="20.25" customHeight="1" x14ac:dyDescent="0.2"/>
    <row r="268" ht="20.25" customHeight="1" x14ac:dyDescent="0.2"/>
    <row r="269" ht="20.25" customHeight="1" x14ac:dyDescent="0.2"/>
    <row r="270" ht="20.25" customHeight="1" x14ac:dyDescent="0.2"/>
    <row r="271" ht="20.25" customHeight="1" x14ac:dyDescent="0.2"/>
    <row r="272" ht="20.25" customHeight="1" x14ac:dyDescent="0.2"/>
    <row r="273" ht="20.25" customHeight="1" x14ac:dyDescent="0.2"/>
    <row r="274" ht="20.25" customHeight="1" x14ac:dyDescent="0.2"/>
    <row r="275" ht="20.25" customHeight="1" x14ac:dyDescent="0.2"/>
    <row r="276" ht="20.25" customHeight="1" x14ac:dyDescent="0.2"/>
    <row r="277" ht="20.25" customHeight="1" x14ac:dyDescent="0.2"/>
    <row r="278" ht="20.25" customHeight="1" x14ac:dyDescent="0.2"/>
    <row r="279" ht="20.25" customHeight="1" x14ac:dyDescent="0.2"/>
    <row r="280" ht="20.25" customHeight="1" x14ac:dyDescent="0.2"/>
    <row r="281" ht="20.25" customHeight="1" x14ac:dyDescent="0.2"/>
    <row r="282" ht="20.25" customHeight="1" x14ac:dyDescent="0.2"/>
    <row r="283" ht="20.25" customHeight="1" x14ac:dyDescent="0.2"/>
    <row r="284" ht="20.25" customHeight="1" x14ac:dyDescent="0.2"/>
    <row r="285" ht="20.25" customHeight="1" x14ac:dyDescent="0.2"/>
    <row r="286" ht="20.25" customHeight="1" x14ac:dyDescent="0.2"/>
    <row r="287" ht="20.25" customHeight="1" x14ac:dyDescent="0.2"/>
    <row r="288" ht="20.25" customHeight="1" x14ac:dyDescent="0.2"/>
  </sheetData>
  <autoFilter ref="A7:AO85"/>
  <mergeCells count="1">
    <mergeCell ref="E2:E3"/>
  </mergeCells>
  <phoneticPr fontId="4"/>
  <hyperlinks>
    <hyperlink ref="L32" r:id="rId1"/>
    <hyperlink ref="L51" r:id="rId2"/>
    <hyperlink ref="L64" r:id="rId3"/>
    <hyperlink ref="L27" r:id="rId4"/>
    <hyperlink ref="L36" r:id="rId5"/>
    <hyperlink ref="L54" r:id="rId6"/>
    <hyperlink ref="L76" r:id="rId7"/>
    <hyperlink ref="L41" r:id="rId8"/>
    <hyperlink ref="L49" r:id="rId9"/>
    <hyperlink ref="L63" r:id="rId10"/>
    <hyperlink ref="L79" r:id="rId11"/>
    <hyperlink ref="L69" r:id="rId12"/>
    <hyperlink ref="L60" r:id="rId13"/>
    <hyperlink ref="L47" r:id="rId14"/>
    <hyperlink ref="L83" r:id="rId15"/>
  </hyperlinks>
  <pageMargins left="0.70866141732283472" right="0.70866141732283472" top="0.74803149606299213" bottom="0.74803149606299213" header="0.31496062992125984" footer="0.31496062992125984"/>
  <pageSetup paperSize="8" scale="26" fitToWidth="2" fitToHeight="0" orientation="landscape" r:id="rId16"/>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E21" sqref="E21"/>
    </sheetView>
  </sheetViews>
  <sheetFormatPr defaultRowHeight="14" x14ac:dyDescent="0.2"/>
  <sheetData/>
  <phoneticPr fontId="4"/>
  <pageMargins left="0.7" right="0.7" top="0.75" bottom="0.75" header="0.3" footer="0.3"/>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14.神奈川県 </vt:lpstr>
      <vt:lpstr>対応言語略称の案内</vt:lpstr>
      <vt:lpstr>'14.神奈川県 '!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tsui</dc:creator>
  <cp:lastModifiedBy>user</cp:lastModifiedBy>
  <cp:lastPrinted>2023-11-30T11:07:51Z</cp:lastPrinted>
  <dcterms:created xsi:type="dcterms:W3CDTF">2022-05-09T01:40:31Z</dcterms:created>
  <dcterms:modified xsi:type="dcterms:W3CDTF">2023-12-27T05:31:24Z</dcterms:modified>
</cp:coreProperties>
</file>